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1" r:id="rId2"/>
    <p:sldId id="262" r:id="rId3"/>
    <p:sldId id="293" r:id="rId4"/>
    <p:sldId id="294" r:id="rId5"/>
    <p:sldId id="301" r:id="rId6"/>
    <p:sldId id="270" r:id="rId7"/>
    <p:sldId id="271" r:id="rId8"/>
    <p:sldId id="273" r:id="rId9"/>
    <p:sldId id="274" r:id="rId10"/>
    <p:sldId id="275" r:id="rId11"/>
    <p:sldId id="276" r:id="rId12"/>
    <p:sldId id="278" r:id="rId13"/>
    <p:sldId id="279" r:id="rId14"/>
    <p:sldId id="284" r:id="rId15"/>
    <p:sldId id="287" r:id="rId16"/>
    <p:sldId id="288" r:id="rId17"/>
    <p:sldId id="299" r:id="rId18"/>
    <p:sldId id="300" r:id="rId19"/>
    <p:sldId id="289" r:id="rId20"/>
    <p:sldId id="290" r:id="rId21"/>
    <p:sldId id="291" r:id="rId22"/>
    <p:sldId id="298" r:id="rId23"/>
    <p:sldId id="260" r:id="rId24"/>
  </p:sldIdLst>
  <p:sldSz cx="12188825" cy="6858000"/>
  <p:notesSz cx="6797675" cy="9926638"/>
  <p:embeddedFontLst>
    <p:embeddedFont>
      <p:font typeface="AU Passata" panose="020B0503030502030804" pitchFamily="34" charset="77"/>
      <p:regular r:id="rId27"/>
      <p:bold r:id="rId28"/>
    </p:embeddedFont>
    <p:embeddedFont>
      <p:font typeface="AU Passata Light" panose="020B0303030902030804" pitchFamily="34" charset="77"/>
      <p:regular r:id="rId29"/>
      <p:bold r:id="rId30"/>
    </p:embeddedFont>
    <p:embeddedFont>
      <p:font typeface="AU Peto" pitchFamily="82" charset="77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Cambria Math" panose="02040503050406030204" pitchFamily="18" charset="0"/>
      <p:regular r:id="rId37"/>
    </p:embeddedFont>
    <p:embeddedFont>
      <p:font typeface="Georgia" panose="02040502050405020303" pitchFamily="18" charset="0"/>
      <p:regular r:id="rId38"/>
      <p:bold r:id="rId39"/>
      <p:italic r:id="rId40"/>
      <p:boldItalic r:id="rId41"/>
    </p:embeddedFont>
    <p:embeddedFont>
      <p:font typeface="Trebuchet MS" panose="020B0703020202090204" pitchFamily="34" charset="0"/>
      <p:regular r:id="rId42"/>
      <p:bold r:id="rId43"/>
      <p:italic r:id="rId44"/>
    </p:embeddedFont>
    <p:embeddedFont>
      <p:font typeface="Wingdings 3" pitchFamily="2" charset="2"/>
      <p:regular r:id="rId4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9F00"/>
    <a:srgbClr val="ADDACC"/>
    <a:srgbClr val="009E73"/>
    <a:srgbClr val="0171B2"/>
    <a:srgbClr val="A9A9A9"/>
    <a:srgbClr val="ADCAE2"/>
    <a:srgbClr val="B7CBDB"/>
    <a:srgbClr val="C0C0C0"/>
    <a:srgbClr val="009000"/>
    <a:srgbClr val="04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834" autoAdjust="0"/>
    <p:restoredTop sz="96296" autoAdjust="0"/>
  </p:normalViewPr>
  <p:slideViewPr>
    <p:cSldViewPr snapToObjects="1" showGuides="1">
      <p:cViewPr>
        <p:scale>
          <a:sx n="99" d="100"/>
          <a:sy n="99" d="100"/>
        </p:scale>
        <p:origin x="1464" y="61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openxmlformats.org/officeDocument/2006/relationships/font" Target="fonts/font16.fntdata"/><Relationship Id="rId47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3.fntdata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font" Target="fonts/font19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4" Type="http://schemas.openxmlformats.org/officeDocument/2006/relationships/font" Target="fonts/font1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font" Target="fonts/font17.fntdata"/><Relationship Id="rId48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57452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778878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2784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38474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80525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4759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bg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29 March 2022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tx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png"/><Relationship Id="rId5" Type="http://schemas.openxmlformats.org/officeDocument/2006/relationships/image" Target="../media/image39.png"/><Relationship Id="rId4" Type="http://schemas.openxmlformats.org/officeDocument/2006/relationships/image" Target="../media/image4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4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3.png"/><Relationship Id="rId5" Type="http://schemas.openxmlformats.org/officeDocument/2006/relationships/image" Target="../media/image39.png"/><Relationship Id="rId4" Type="http://schemas.openxmlformats.org/officeDocument/2006/relationships/image" Target="../media/image43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4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58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3.xml"/><Relationship Id="rId21" Type="http://schemas.openxmlformats.org/officeDocument/2006/relationships/image" Target="../media/image61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57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28.svg"/><Relationship Id="rId20" Type="http://schemas.openxmlformats.org/officeDocument/2006/relationships/image" Target="../media/image60.png"/><Relationship Id="rId1" Type="http://schemas.openxmlformats.org/officeDocument/2006/relationships/tags" Target="../tags/tag14.xml"/><Relationship Id="rId6" Type="http://schemas.openxmlformats.org/officeDocument/2006/relationships/image" Target="../media/image46.svg"/><Relationship Id="rId11" Type="http://schemas.openxmlformats.org/officeDocument/2006/relationships/image" Target="../media/image55.png"/><Relationship Id="rId24" Type="http://schemas.openxmlformats.org/officeDocument/2006/relationships/image" Target="../media/image64.png"/><Relationship Id="rId5" Type="http://schemas.openxmlformats.org/officeDocument/2006/relationships/image" Target="../media/image45.png"/><Relationship Id="rId15" Type="http://schemas.openxmlformats.org/officeDocument/2006/relationships/image" Target="../media/image27.png"/><Relationship Id="rId23" Type="http://schemas.openxmlformats.org/officeDocument/2006/relationships/image" Target="../media/image63.png"/><Relationship Id="rId10" Type="http://schemas.openxmlformats.org/officeDocument/2006/relationships/image" Target="../media/image54.png"/><Relationship Id="rId19" Type="http://schemas.openxmlformats.org/officeDocument/2006/relationships/image" Target="../media/image59.png"/><Relationship Id="rId4" Type="http://schemas.openxmlformats.org/officeDocument/2006/relationships/image" Target="../media/image48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62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14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49.png"/><Relationship Id="rId1" Type="http://schemas.openxmlformats.org/officeDocument/2006/relationships/tags" Target="../tags/tag15.xml"/><Relationship Id="rId6" Type="http://schemas.openxmlformats.org/officeDocument/2006/relationships/image" Target="../media/image24.svg"/><Relationship Id="rId11" Type="http://schemas.openxmlformats.org/officeDocument/2006/relationships/image" Target="../media/image630.png"/><Relationship Id="rId5" Type="http://schemas.openxmlformats.org/officeDocument/2006/relationships/image" Target="../media/image23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47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5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5" Type="http://schemas.openxmlformats.org/officeDocument/2006/relationships/image" Target="../media/image67.png"/><Relationship Id="rId4" Type="http://schemas.openxmlformats.org/officeDocument/2006/relationships/image" Target="../media/image5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5" Type="http://schemas.openxmlformats.org/officeDocument/2006/relationships/image" Target="../media/image68.png"/><Relationship Id="rId4" Type="http://schemas.openxmlformats.org/officeDocument/2006/relationships/image" Target="../media/image50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3.png"/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7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71.jpeg"/><Relationship Id="rId5" Type="http://schemas.openxmlformats.org/officeDocument/2006/relationships/image" Target="../media/image70.png"/><Relationship Id="rId10" Type="http://schemas.openxmlformats.org/officeDocument/2006/relationships/image" Target="../media/image75.jpeg"/><Relationship Id="rId4" Type="http://schemas.openxmlformats.org/officeDocument/2006/relationships/image" Target="../media/image69.png"/><Relationship Id="rId9" Type="http://schemas.openxmlformats.org/officeDocument/2006/relationships/image" Target="../media/image74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14.sv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8.svg"/><Relationship Id="rId12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13" Type="http://schemas.openxmlformats.org/officeDocument/2006/relationships/image" Target="../media/image34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8.svg"/><Relationship Id="rId12" Type="http://schemas.openxmlformats.org/officeDocument/2006/relationships/image" Target="../media/image33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.png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5" Type="http://schemas.openxmlformats.org/officeDocument/2006/relationships/image" Target="../media/image36.pn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Relationship Id="rId14" Type="http://schemas.openxmlformats.org/officeDocument/2006/relationships/image" Target="../media/image3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39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3.png"/><Relationship Id="rId5" Type="http://schemas.openxmlformats.org/officeDocument/2006/relationships/image" Target="../media/image39.png"/><Relationship Id="rId4" Type="http://schemas.openxmlformats.org/officeDocument/2006/relationships/image" Target="../media/image4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0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ILSMC: a phylogenetically aware SMC to infer the evolutionary history of species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863B1A4E-DB1C-9A42-81B4-B3D406C0B8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308609F6-EB21-F34E-BC65-DC1BC462E7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1794" y="1625117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10">
            <a:extLst>
              <a:ext uri="{FF2B5EF4-FFF2-40B4-BE49-F238E27FC236}">
                <a16:creationId xmlns:a16="http://schemas.microsoft.com/office/drawing/2014/main" id="{6728CA3B-5FBB-F742-933F-B5149FBB18F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005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6">
            <a:extLst>
              <a:ext uri="{FF2B5EF4-FFF2-40B4-BE49-F238E27FC236}">
                <a16:creationId xmlns:a16="http://schemas.microsoft.com/office/drawing/2014/main" id="{9B8B110A-1134-F74D-92B0-04BD0070185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91" t="3511" r="3091" b="3794"/>
          <a:stretch/>
        </p:blipFill>
        <p:spPr bwMode="auto">
          <a:xfrm>
            <a:off x="1557907" y="1196752"/>
            <a:ext cx="4813162" cy="4755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4779220" y="1772816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363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869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7391" r="-4348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66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blipFill>
                <a:blip r:embed="rId25"/>
                <a:stretch>
                  <a:fillRect l="-8040" t="-16418" b="-74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blipFill>
                <a:blip r:embed="rId26"/>
                <a:stretch>
                  <a:fillRect t="-16176" r="-9091" b="-58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855825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397979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052736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4100" name="Picture 4">
            <a:extLst>
              <a:ext uri="{FF2B5EF4-FFF2-40B4-BE49-F238E27FC236}">
                <a16:creationId xmlns:a16="http://schemas.microsoft.com/office/drawing/2014/main" id="{18DBBB0F-FB48-8F4B-BB09-0EE02B5A7D1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51" b="6951"/>
          <a:stretch/>
        </p:blipFill>
        <p:spPr bwMode="auto">
          <a:xfrm>
            <a:off x="6454452" y="1268760"/>
            <a:ext cx="5384697" cy="46361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pic>
        <p:nvPicPr>
          <p:cNvPr id="39" name="Picture 2">
            <a:extLst>
              <a:ext uri="{FF2B5EF4-FFF2-40B4-BE49-F238E27FC236}">
                <a16:creationId xmlns:a16="http://schemas.microsoft.com/office/drawing/2014/main" id="{957F928C-661E-B449-A70A-2F51791A57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1" name="Group 20">
            <a:extLst>
              <a:ext uri="{FF2B5EF4-FFF2-40B4-BE49-F238E27FC236}">
                <a16:creationId xmlns:a16="http://schemas.microsoft.com/office/drawing/2014/main" id="{74C4D2D7-68D0-E749-AED2-8E330E806B42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385CAFD1-65E0-8748-AE27-ADEB82C8E7B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06F4D2AD-631D-144C-990F-52F6CD9DE9B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16B82C46-B935-754A-B5AC-A98ED7771CA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3" name="Straight Connector 42">
              <a:extLst>
                <a:ext uri="{FF2B5EF4-FFF2-40B4-BE49-F238E27FC236}">
                  <a16:creationId xmlns:a16="http://schemas.microsoft.com/office/drawing/2014/main" id="{29326CD5-B740-6D4D-97DA-A1138753A0A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ED408096-B621-7143-9A95-572A7B0E3B2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BD5216E1-B5F7-D44A-9548-F17A0F6D2F8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FEBB2FC4-3F40-EC4C-8B30-5040917AE4F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9FC9EAE1-E606-AE45-9AEA-68805F03A166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AC5F82B7-0DB7-1343-A156-77CF12116DC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53A246F6-288A-D541-B5D4-0C1D4ECD75B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5ADD550-76C8-8646-B77F-2999E46F98B6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AF17B2CB-FA22-3947-A152-5C39333041B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B162DCFD-ADC7-4C45-AF91-77342FCAF569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CC9EAF71-8F36-FB40-871B-D5E3A7EA30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1E50F36-360C-E540-8F5F-55B28128D59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0728DEB-B124-D24D-97BE-12071FBDDA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Picture 2">
            <a:extLst>
              <a:ext uri="{FF2B5EF4-FFF2-40B4-BE49-F238E27FC236}">
                <a16:creationId xmlns:a16="http://schemas.microsoft.com/office/drawing/2014/main" id="{642D59FE-51F9-A240-9C35-4A654C3883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7" name="Group 46">
            <a:extLst>
              <a:ext uri="{FF2B5EF4-FFF2-40B4-BE49-F238E27FC236}">
                <a16:creationId xmlns:a16="http://schemas.microsoft.com/office/drawing/2014/main" id="{AF0251D4-6089-144C-8E40-8DA1886A4675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0E5C3E2-3062-9B46-A17A-9BAA0308154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C8BBEBF-8045-CC4A-8336-2194E329710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B2335C6-00CA-B742-A968-C90EE28A286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C4EBD371-9058-6B4F-8C83-4904E2FEF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565EC7F7-56B7-8E47-BD65-3BE9E6EBBA7C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FF4FFF09-0FEB-C849-B1C6-5BCE2063B11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315AB3D-C1C5-6542-974C-044009E2217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4C4C8B29-AA2E-F94C-879D-DF85C6BBFD05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16F99E6D-2FBB-1A42-8BAA-01ABA274DCF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508AA09-49F8-A64D-BBFF-8C8E832060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59B63E95-EC4F-AA44-98F8-E86FF33401C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02788CB6-2C66-6942-AC9F-44A63632ED0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EB56AEC-CE07-944A-926B-67423CD81DDD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9C03AB05-A90F-394A-AD3A-06911E5DD8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65DC20CC-9F8B-F441-A59B-73DD847B46B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00A0109D-81C3-994D-8699-366A87E6882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4704745" y="5136116"/>
            <a:ext cx="432048" cy="34431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4704745" y="3269256"/>
            <a:ext cx="432048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013884" y="3754876"/>
            <a:ext cx="289622" cy="1381201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0874" h="2895218">
                <a:moveTo>
                  <a:pt x="185872" y="2895218"/>
                </a:moveTo>
                <a:cubicBezTo>
                  <a:pt x="151948" y="1586688"/>
                  <a:pt x="163501" y="2047446"/>
                  <a:pt x="133813" y="1604101"/>
                </a:cubicBezTo>
                <a:cubicBezTo>
                  <a:pt x="104125" y="1160755"/>
                  <a:pt x="-33821" y="485516"/>
                  <a:pt x="7742" y="235145"/>
                </a:cubicBezTo>
                <a:cubicBezTo>
                  <a:pt x="49305" y="-15226"/>
                  <a:pt x="165089" y="-5825"/>
                  <a:pt x="280874" y="357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462903" y="3754876"/>
            <a:ext cx="902791" cy="1941249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293615 w 847288"/>
              <a:gd name="connsiteY3" fmla="*/ 2018147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7288" h="3452665">
                <a:moveTo>
                  <a:pt x="0" y="4790"/>
                </a:moveTo>
                <a:cubicBezTo>
                  <a:pt x="56626" y="2693"/>
                  <a:pt x="178597" y="-26646"/>
                  <a:pt x="226458" y="89899"/>
                </a:cubicBezTo>
                <a:cubicBezTo>
                  <a:pt x="274319" y="206444"/>
                  <a:pt x="237429" y="396143"/>
                  <a:pt x="287169" y="704061"/>
                </a:cubicBezTo>
                <a:cubicBezTo>
                  <a:pt x="336909" y="1011979"/>
                  <a:pt x="452434" y="1591588"/>
                  <a:pt x="524899" y="1937408"/>
                </a:cubicBezTo>
                <a:cubicBezTo>
                  <a:pt x="597364" y="2283228"/>
                  <a:pt x="629678" y="2401486"/>
                  <a:pt x="721957" y="2778982"/>
                </a:cubicBezTo>
                <a:cubicBezTo>
                  <a:pt x="795976" y="3098806"/>
                  <a:pt x="830510" y="3412817"/>
                  <a:pt x="847288" y="345266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  <a:endCxn id="64" idx="2"/>
          </p:cNvCxnSpPr>
          <p:nvPr/>
        </p:nvCxnSpPr>
        <p:spPr bwMode="auto">
          <a:xfrm>
            <a:off x="1394003" y="1396917"/>
            <a:ext cx="0" cy="187233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5" name="Freeform 44">
            <a:extLst>
              <a:ext uri="{FF2B5EF4-FFF2-40B4-BE49-F238E27FC236}">
                <a16:creationId xmlns:a16="http://schemas.microsoft.com/office/drawing/2014/main" id="{2441E0DC-2D9E-C94F-9B88-2AEBA4BEA640}"/>
              </a:ext>
            </a:extLst>
          </p:cNvPr>
          <p:cNvSpPr/>
          <p:nvPr/>
        </p:nvSpPr>
        <p:spPr bwMode="auto">
          <a:xfrm>
            <a:off x="1298796" y="5300851"/>
            <a:ext cx="164108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20404276-1584-6347-895D-7F48F01781C0}"/>
              </a:ext>
            </a:extLst>
          </p:cNvPr>
          <p:cNvSpPr/>
          <p:nvPr/>
        </p:nvSpPr>
        <p:spPr bwMode="auto">
          <a:xfrm flipH="1">
            <a:off x="911481" y="5293936"/>
            <a:ext cx="181757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E41878A-AA5D-0A49-997C-98EB56EA6102}"/>
              </a:ext>
            </a:extLst>
          </p:cNvPr>
          <p:cNvSpPr/>
          <p:nvPr/>
        </p:nvSpPr>
        <p:spPr bwMode="auto">
          <a:xfrm flipV="1">
            <a:off x="1303124" y="3269256"/>
            <a:ext cx="181758" cy="974803"/>
          </a:xfrm>
          <a:prstGeom prst="rect">
            <a:avLst/>
          </a:prstGeom>
          <a:solidFill>
            <a:schemeClr val="tx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60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60035"/>
              </a:xfrm>
              <a:prstGeom prst="rect">
                <a:avLst/>
              </a:prstGeom>
              <a:blipFill>
                <a:blip r:embed="rId5"/>
                <a:stretch>
                  <a:fillRect l="-10417" t="-3333" r="-208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Rectangle 32">
            <a:extLst>
              <a:ext uri="{FF2B5EF4-FFF2-40B4-BE49-F238E27FC236}">
                <a16:creationId xmlns:a16="http://schemas.microsoft.com/office/drawing/2014/main" id="{FD2AF1CE-D06B-A446-A281-40BC45BE608E}"/>
              </a:ext>
            </a:extLst>
          </p:cNvPr>
          <p:cNvSpPr/>
          <p:nvPr/>
        </p:nvSpPr>
        <p:spPr bwMode="auto">
          <a:xfrm>
            <a:off x="1105052" y="5135045"/>
            <a:ext cx="181758" cy="344311"/>
          </a:xfrm>
          <a:prstGeom prst="rect">
            <a:avLst/>
          </a:prstGeom>
          <a:solidFill>
            <a:srgbClr val="A9A9A9"/>
          </a:solidFill>
          <a:ln w="38100" cap="flat" cmpd="sng" algn="ctr">
            <a:solidFill>
              <a:srgbClr val="A9A9A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788456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FD17BD05-2B4F-9849-8822-F8404AD9CC27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AC91696-8955-2D47-A664-8392D6AF3F44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851F1FEF-6014-A544-A8FE-7CA601B1267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064EE540-7544-B649-835D-5F7DB2A6865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1A1E4FE-8A3D-7142-8D41-1D1C1EE3DDD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AB46A604-4669-1449-8117-41BB4D24DC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5BF672A5-9583-B142-8ED7-4D9B6248A65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CDBD01FE-B60B-1E48-9983-C3678C79D62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F168F0E-D548-6343-870B-0C15993016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4CA38D6C-A6E3-FA4A-B050-739DC9FF412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9778B17C-E0D9-6947-A3A7-15F1A4A8FCE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F4A92F47-ACC1-1548-991A-6DFC9880F17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B99BD059-871B-7A4A-A2F1-E00453446C7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13BA33FD-7FBE-7241-84F6-1FBD6AA6C708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9BD8FD7-EB7E-844C-B63B-0FDFD349F3C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DA0781DB-3E53-634B-A980-FB2F2279D73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7054F031-41E7-9240-B556-64D6BFD0B47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36" name="Picture 2">
            <a:extLst>
              <a:ext uri="{FF2B5EF4-FFF2-40B4-BE49-F238E27FC236}">
                <a16:creationId xmlns:a16="http://schemas.microsoft.com/office/drawing/2014/main" id="{3EB37451-8890-344C-BC2C-D73F9AF2E4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691524" y="3772705"/>
            <a:ext cx="674172" cy="1923420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99681" h="3450592">
                <a:moveTo>
                  <a:pt x="0" y="63"/>
                </a:moveTo>
                <a:cubicBezTo>
                  <a:pt x="56626" y="-2034"/>
                  <a:pt x="87429" y="47250"/>
                  <a:pt x="107344" y="245995"/>
                </a:cubicBezTo>
                <a:cubicBezTo>
                  <a:pt x="127259" y="444740"/>
                  <a:pt x="101113" y="899228"/>
                  <a:pt x="119492" y="1192532"/>
                </a:cubicBezTo>
                <a:cubicBezTo>
                  <a:pt x="137871" y="1485836"/>
                  <a:pt x="157337" y="1520470"/>
                  <a:pt x="217617" y="2005817"/>
                </a:cubicBezTo>
                <a:cubicBezTo>
                  <a:pt x="277897" y="2491164"/>
                  <a:pt x="353908" y="3125864"/>
                  <a:pt x="399681" y="3450592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251005" y="1396917"/>
            <a:ext cx="0" cy="192381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5" y="2420888"/>
            <a:ext cx="281740" cy="3258055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160126" y="1589298"/>
            <a:ext cx="181758" cy="1678676"/>
          </a:xfrm>
          <a:prstGeom prst="rect">
            <a:avLst/>
          </a:prstGeom>
          <a:solidFill>
            <a:srgbClr val="009E73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blipFill>
                <a:blip r:embed="rId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7" name="Rectangle 36">
            <a:extLst>
              <a:ext uri="{FF2B5EF4-FFF2-40B4-BE49-F238E27FC236}">
                <a16:creationId xmlns:a16="http://schemas.microsoft.com/office/drawing/2014/main" id="{C4F9AD04-F12F-174E-9AB6-CC389DB27B62}"/>
              </a:ext>
            </a:extLst>
          </p:cNvPr>
          <p:cNvSpPr/>
          <p:nvPr/>
        </p:nvSpPr>
        <p:spPr bwMode="auto">
          <a:xfrm>
            <a:off x="5142155" y="1589298"/>
            <a:ext cx="182880" cy="1679957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3266290C-2160-334F-AFDF-A7491C0ADA4E}"/>
              </a:ext>
            </a:extLst>
          </p:cNvPr>
          <p:cNvSpPr/>
          <p:nvPr/>
        </p:nvSpPr>
        <p:spPr bwMode="auto">
          <a:xfrm>
            <a:off x="5142155" y="3269256"/>
            <a:ext cx="182880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Freeform 38">
            <a:extLst>
              <a:ext uri="{FF2B5EF4-FFF2-40B4-BE49-F238E27FC236}">
                <a16:creationId xmlns:a16="http://schemas.microsoft.com/office/drawing/2014/main" id="{A4BA6EE8-D983-0A45-B94B-B49605E7E688}"/>
              </a:ext>
            </a:extLst>
          </p:cNvPr>
          <p:cNvSpPr/>
          <p:nvPr/>
        </p:nvSpPr>
        <p:spPr bwMode="auto">
          <a:xfrm flipH="1">
            <a:off x="1300095" y="3772705"/>
            <a:ext cx="202065" cy="1929396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225813"/>
              <a:gd name="connsiteY0" fmla="*/ 63 h 3461313"/>
              <a:gd name="connsiteX1" fmla="*/ 107344 w 225813"/>
              <a:gd name="connsiteY1" fmla="*/ 245995 h 3461313"/>
              <a:gd name="connsiteX2" fmla="*/ 119492 w 225813"/>
              <a:gd name="connsiteY2" fmla="*/ 1192532 h 3461313"/>
              <a:gd name="connsiteX3" fmla="*/ 217617 w 225813"/>
              <a:gd name="connsiteY3" fmla="*/ 2005817 h 3461313"/>
              <a:gd name="connsiteX4" fmla="*/ 30154 w 225813"/>
              <a:gd name="connsiteY4" fmla="*/ 3461313 h 3461313"/>
              <a:gd name="connsiteX0" fmla="*/ 0 w 227837"/>
              <a:gd name="connsiteY0" fmla="*/ 63 h 3461313"/>
              <a:gd name="connsiteX1" fmla="*/ 107344 w 227837"/>
              <a:gd name="connsiteY1" fmla="*/ 245995 h 3461313"/>
              <a:gd name="connsiteX2" fmla="*/ 119492 w 227837"/>
              <a:gd name="connsiteY2" fmla="*/ 1192532 h 3461313"/>
              <a:gd name="connsiteX3" fmla="*/ 217617 w 227837"/>
              <a:gd name="connsiteY3" fmla="*/ 2005817 h 3461313"/>
              <a:gd name="connsiteX4" fmla="*/ 30154 w 227837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47829"/>
              <a:gd name="connsiteY0" fmla="*/ 63 h 3461313"/>
              <a:gd name="connsiteX1" fmla="*/ 107344 w 147829"/>
              <a:gd name="connsiteY1" fmla="*/ 245995 h 3461313"/>
              <a:gd name="connsiteX2" fmla="*/ 119492 w 147829"/>
              <a:gd name="connsiteY2" fmla="*/ 1192532 h 3461313"/>
              <a:gd name="connsiteX3" fmla="*/ 144623 w 147829"/>
              <a:gd name="connsiteY3" fmla="*/ 2027260 h 3461313"/>
              <a:gd name="connsiteX4" fmla="*/ 30154 w 147829"/>
              <a:gd name="connsiteY4" fmla="*/ 3461313 h 3461313"/>
              <a:gd name="connsiteX0" fmla="*/ 0 w 152235"/>
              <a:gd name="connsiteY0" fmla="*/ 63 h 3461313"/>
              <a:gd name="connsiteX1" fmla="*/ 107344 w 152235"/>
              <a:gd name="connsiteY1" fmla="*/ 245995 h 3461313"/>
              <a:gd name="connsiteX2" fmla="*/ 151427 w 152235"/>
              <a:gd name="connsiteY2" fmla="*/ 1192532 h 3461313"/>
              <a:gd name="connsiteX3" fmla="*/ 144623 w 152235"/>
              <a:gd name="connsiteY3" fmla="*/ 2027260 h 3461313"/>
              <a:gd name="connsiteX4" fmla="*/ 30154 w 152235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4244" h="3461313">
                <a:moveTo>
                  <a:pt x="0" y="63"/>
                </a:moveTo>
                <a:cubicBezTo>
                  <a:pt x="56626" y="-2034"/>
                  <a:pt x="82106" y="47250"/>
                  <a:pt x="107344" y="245995"/>
                </a:cubicBezTo>
                <a:cubicBezTo>
                  <a:pt x="132582" y="444740"/>
                  <a:pt x="145214" y="895655"/>
                  <a:pt x="151427" y="1192532"/>
                </a:cubicBezTo>
                <a:cubicBezTo>
                  <a:pt x="157640" y="1489409"/>
                  <a:pt x="152775" y="1241705"/>
                  <a:pt x="144623" y="2027260"/>
                </a:cubicBezTo>
                <a:cubicBezTo>
                  <a:pt x="113663" y="2920031"/>
                  <a:pt x="52812" y="3029367"/>
                  <a:pt x="30154" y="3461313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Freeform 19">
            <a:extLst>
              <a:ext uri="{FF2B5EF4-FFF2-40B4-BE49-F238E27FC236}">
                <a16:creationId xmlns:a16="http://schemas.microsoft.com/office/drawing/2014/main" id="{B83CCA8D-1EBB-9042-A703-AA8AEB09125A}"/>
              </a:ext>
            </a:extLst>
          </p:cNvPr>
          <p:cNvSpPr/>
          <p:nvPr/>
        </p:nvSpPr>
        <p:spPr bwMode="auto">
          <a:xfrm>
            <a:off x="1356659" y="2397900"/>
            <a:ext cx="262913" cy="877721"/>
          </a:xfrm>
          <a:custGeom>
            <a:avLst/>
            <a:gdLst>
              <a:gd name="connsiteX0" fmla="*/ 0 w 268941"/>
              <a:gd name="connsiteY0" fmla="*/ 61039 h 927627"/>
              <a:gd name="connsiteX1" fmla="*/ 221129 w 268941"/>
              <a:gd name="connsiteY1" fmla="*/ 90921 h 927627"/>
              <a:gd name="connsiteX2" fmla="*/ 268941 w 268941"/>
              <a:gd name="connsiteY2" fmla="*/ 927627 h 927627"/>
              <a:gd name="connsiteX0" fmla="*/ 0 w 288534"/>
              <a:gd name="connsiteY0" fmla="*/ 20233 h 886821"/>
              <a:gd name="connsiteX1" fmla="*/ 268941 w 288534"/>
              <a:gd name="connsiteY1" fmla="*/ 175621 h 886821"/>
              <a:gd name="connsiteX2" fmla="*/ 268941 w 288534"/>
              <a:gd name="connsiteY2" fmla="*/ 886821 h 886821"/>
              <a:gd name="connsiteX0" fmla="*/ 0 w 283223"/>
              <a:gd name="connsiteY0" fmla="*/ 20233 h 886821"/>
              <a:gd name="connsiteX1" fmla="*/ 268941 w 283223"/>
              <a:gd name="connsiteY1" fmla="*/ 175621 h 886821"/>
              <a:gd name="connsiteX2" fmla="*/ 268941 w 283223"/>
              <a:gd name="connsiteY2" fmla="*/ 886821 h 886821"/>
              <a:gd name="connsiteX0" fmla="*/ 0 w 287849"/>
              <a:gd name="connsiteY0" fmla="*/ 16593 h 883181"/>
              <a:gd name="connsiteX1" fmla="*/ 274917 w 287849"/>
              <a:gd name="connsiteY1" fmla="*/ 201864 h 883181"/>
              <a:gd name="connsiteX2" fmla="*/ 268941 w 287849"/>
              <a:gd name="connsiteY2" fmla="*/ 883181 h 883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87849" h="883181">
                <a:moveTo>
                  <a:pt x="0" y="16593"/>
                </a:moveTo>
                <a:cubicBezTo>
                  <a:pt x="88153" y="-40682"/>
                  <a:pt x="230094" y="57433"/>
                  <a:pt x="274917" y="201864"/>
                </a:cubicBezTo>
                <a:cubicBezTo>
                  <a:pt x="307788" y="406060"/>
                  <a:pt x="267447" y="537043"/>
                  <a:pt x="268941" y="88318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ts val="3600"/>
              </a:lnSpc>
            </a:pPr>
            <a:endParaRPr lang="en-DK" sz="360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C289C14-E012-E34E-9989-F5D079C9C648}"/>
              </a:ext>
            </a:extLst>
          </p:cNvPr>
          <p:cNvSpPr/>
          <p:nvPr/>
        </p:nvSpPr>
        <p:spPr bwMode="auto">
          <a:xfrm>
            <a:off x="1520166" y="3279417"/>
            <a:ext cx="181758" cy="970521"/>
          </a:xfrm>
          <a:prstGeom prst="rect">
            <a:avLst/>
          </a:prstGeom>
          <a:solidFill>
            <a:srgbClr val="ADDACC"/>
          </a:solidFill>
          <a:ln w="38100" cap="flat" cmpd="sng" algn="ctr">
            <a:solidFill>
              <a:srgbClr val="ADDACC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043610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7B9BD424-E251-9A41-BC72-992B3C3FF81A}"/>
              </a:ext>
            </a:extLst>
          </p:cNvPr>
          <p:cNvSpPr txBox="1"/>
          <p:nvPr/>
        </p:nvSpPr>
        <p:spPr>
          <a:xfrm>
            <a:off x="995750" y="1412776"/>
            <a:ext cx="4387676" cy="63094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315C26A-62F3-9449-BD8C-BA0DE5C08792}"/>
              </a:ext>
            </a:extLst>
          </p:cNvPr>
          <p:cNvSpPr txBox="1"/>
          <p:nvPr/>
        </p:nvSpPr>
        <p:spPr>
          <a:xfrm>
            <a:off x="3378426" y="1196752"/>
            <a:ext cx="5430974" cy="472219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HMMs: CoalHMM and 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Discussion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B42A390D-3320-7E4F-9EF9-8BB79B278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Overview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6880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180767C1-449F-FE43-B949-96F4FA63AE4F}"/>
              </a:ext>
            </a:extLst>
          </p:cNvPr>
          <p:cNvSpPr txBox="1"/>
          <p:nvPr/>
        </p:nvSpPr>
        <p:spPr>
          <a:xfrm>
            <a:off x="995750" y="1412776"/>
            <a:ext cx="4483600" cy="240065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995750" y="1412776"/>
            <a:ext cx="4988545" cy="417037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 and introgression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ABEB0267-AC2C-B94C-A3A3-9FC6A8766013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7A6DDD06-5F41-F94C-A23F-EE0A0CACD45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11" name="Graphic 10">
              <a:extLst>
                <a:ext uri="{FF2B5EF4-FFF2-40B4-BE49-F238E27FC236}">
                  <a16:creationId xmlns:a16="http://schemas.microsoft.com/office/drawing/2014/main" id="{DF6DD067-B6DE-314E-A612-7FB34DC9928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9908E038-4AA5-E94B-9468-050DB70062E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13" name="Graphic 12">
              <a:extLst>
                <a:ext uri="{FF2B5EF4-FFF2-40B4-BE49-F238E27FC236}">
                  <a16:creationId xmlns:a16="http://schemas.microsoft.com/office/drawing/2014/main" id="{F6DA692A-942C-814E-9861-D99EAB3BBABD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228627"/>
            <a:ext cx="5446339" cy="752101"/>
          </a:xfrm>
        </p:spPr>
        <p:txBody>
          <a:bodyPr/>
          <a:lstStyle/>
          <a:p>
            <a:r>
              <a:rPr lang="en-GB" sz="4000" dirty="0"/>
              <a:t>Acknowledgements</a:t>
            </a:r>
            <a:endParaRPr lang="en-GB" sz="4000" cap="none" dirty="0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E4C72965-4ECF-7C4A-84CA-AEBC46181432}"/>
              </a:ext>
            </a:extLst>
          </p:cNvPr>
          <p:cNvSpPr txBox="1">
            <a:spLocks/>
          </p:cNvSpPr>
          <p:nvPr/>
        </p:nvSpPr>
        <p:spPr bwMode="auto">
          <a:xfrm>
            <a:off x="5662364" y="228626"/>
            <a:ext cx="633670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References</a:t>
            </a: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2EC3FC5D-F392-FE45-BC38-1B070036E044}"/>
              </a:ext>
            </a:extLst>
          </p:cNvPr>
          <p:cNvSpPr txBox="1">
            <a:spLocks/>
          </p:cNvSpPr>
          <p:nvPr/>
        </p:nvSpPr>
        <p:spPr bwMode="auto">
          <a:xfrm>
            <a:off x="5446340" y="3356992"/>
            <a:ext cx="674248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Contact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FCE0367-9982-A84C-8CEE-6AC70D5E1CDC}"/>
              </a:ext>
            </a:extLst>
          </p:cNvPr>
          <p:cNvSpPr/>
          <p:nvPr/>
        </p:nvSpPr>
        <p:spPr>
          <a:xfrm>
            <a:off x="5662365" y="955754"/>
            <a:ext cx="6336704" cy="21852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solidFill>
                  <a:srgbClr val="222222"/>
                </a:solidFill>
                <a:latin typeface="+mn-lt"/>
              </a:rPr>
              <a:t>Dutheil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J. Y., Ganapathy, G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Hobolth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A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Mailund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T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Uyenoyama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K., &amp;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Schierup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H. (2009). Ancestral population genomics: the coalescent hidden Markov model approach.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Genetics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183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(1), 259-274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latin typeface="+mn-lt"/>
              </a:rPr>
              <a:t>Mailund</a:t>
            </a:r>
            <a:r>
              <a:rPr lang="en-GB" sz="1400" dirty="0">
                <a:latin typeface="+mn-lt"/>
              </a:rPr>
              <a:t>, T., </a:t>
            </a:r>
            <a:r>
              <a:rPr lang="en-GB" sz="1400" dirty="0" err="1">
                <a:latin typeface="+mn-lt"/>
              </a:rPr>
              <a:t>Dutheil</a:t>
            </a:r>
            <a:r>
              <a:rPr lang="en-GB" sz="1400" dirty="0">
                <a:latin typeface="+mn-lt"/>
              </a:rPr>
              <a:t>, J. Y., </a:t>
            </a:r>
            <a:r>
              <a:rPr lang="en-GB" sz="1400" dirty="0" err="1">
                <a:latin typeface="+mn-lt"/>
              </a:rPr>
              <a:t>Hobolth</a:t>
            </a:r>
            <a:r>
              <a:rPr lang="en-GB" sz="1400" dirty="0">
                <a:latin typeface="+mn-lt"/>
              </a:rPr>
              <a:t>, A., </a:t>
            </a:r>
            <a:r>
              <a:rPr lang="en-GB" sz="1400" dirty="0" err="1">
                <a:latin typeface="+mn-lt"/>
              </a:rPr>
              <a:t>Lunter</a:t>
            </a:r>
            <a:r>
              <a:rPr lang="en-GB" sz="1400" dirty="0">
                <a:latin typeface="+mn-lt"/>
              </a:rPr>
              <a:t>, G., &amp; </a:t>
            </a:r>
            <a:r>
              <a:rPr lang="en-GB" sz="1400" dirty="0" err="1">
                <a:latin typeface="+mn-lt"/>
              </a:rPr>
              <a:t>Schierup</a:t>
            </a:r>
            <a:r>
              <a:rPr lang="en-GB" sz="1400" dirty="0">
                <a:latin typeface="+mn-lt"/>
              </a:rPr>
              <a:t>, M. H. (2011). Estimating divergence time and ancestral effective population size of Bornean and Sumatran orangutan subspecies using a coalescent hidden Markov model. </a:t>
            </a:r>
            <a:r>
              <a:rPr lang="en-GB" sz="1400" i="1" dirty="0" err="1">
                <a:latin typeface="+mn-lt"/>
              </a:rPr>
              <a:t>PLoS</a:t>
            </a:r>
            <a:r>
              <a:rPr lang="en-GB" sz="1400" i="1" dirty="0">
                <a:latin typeface="+mn-lt"/>
              </a:rPr>
              <a:t> genetics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7</a:t>
            </a:r>
            <a:r>
              <a:rPr lang="en-GB" sz="1400" dirty="0">
                <a:latin typeface="+mn-lt"/>
              </a:rPr>
              <a:t>(3), e1001319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>
                <a:latin typeface="+mn-lt"/>
              </a:rPr>
              <a:t>Li, H., &amp; Durbin, R. (2011). Inference of human population history from individual whole-genome sequences. </a:t>
            </a:r>
            <a:r>
              <a:rPr lang="en-GB" sz="1400" i="1" dirty="0">
                <a:latin typeface="+mn-lt"/>
              </a:rPr>
              <a:t>Nature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475</a:t>
            </a:r>
            <a:r>
              <a:rPr lang="en-GB" sz="1400" dirty="0">
                <a:latin typeface="+mn-lt"/>
              </a:rPr>
              <a:t>(7357), 493-496.</a:t>
            </a:r>
            <a:endParaRPr lang="en-DK" sz="1400" dirty="0">
              <a:latin typeface="+mn-lt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EFF0D7-C440-F940-B932-AD2D6552DF5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3457" t="20192" r="15892" b="14185"/>
          <a:stretch/>
        </p:blipFill>
        <p:spPr>
          <a:xfrm>
            <a:off x="6072837" y="4132275"/>
            <a:ext cx="1444788" cy="1788786"/>
          </a:xfrm>
          <a:prstGeom prst="rect">
            <a:avLst/>
          </a:prstGeom>
        </p:spPr>
      </p:pic>
      <p:pic>
        <p:nvPicPr>
          <p:cNvPr id="1026" name="Picture 2" descr="Novo Nordisk Fonden støtter fire fremtrædende professorer - Novo Nordisk  Fonden">
            <a:extLst>
              <a:ext uri="{FF2B5EF4-FFF2-40B4-BE49-F238E27FC236}">
                <a16:creationId xmlns:a16="http://schemas.microsoft.com/office/drawing/2014/main" id="{D30F1FB3-CED5-7646-8BCD-C992150A75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1378" y="1115596"/>
            <a:ext cx="1228294" cy="18406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Asger Hobolth - Forskning - Aarhus Universitet">
            <a:extLst>
              <a:ext uri="{FF2B5EF4-FFF2-40B4-BE49-F238E27FC236}">
                <a16:creationId xmlns:a16="http://schemas.microsoft.com/office/drawing/2014/main" id="{7B502005-E310-9146-B324-D32FC4F6F5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84525" y="1105098"/>
            <a:ext cx="1228294" cy="1843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E91F2ADC-E155-1E46-BDF0-AB16C0FC90AB}"/>
              </a:ext>
            </a:extLst>
          </p:cNvPr>
          <p:cNvSpPr txBox="1"/>
          <p:nvPr/>
        </p:nvSpPr>
        <p:spPr>
          <a:xfrm>
            <a:off x="932151" y="3083953"/>
            <a:ext cx="171200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Mikkel H. Schierup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A5EB8D6-AFF9-4D43-82CA-F0814F8ECBC7}"/>
              </a:ext>
            </a:extLst>
          </p:cNvPr>
          <p:cNvSpPr txBox="1"/>
          <p:nvPr/>
        </p:nvSpPr>
        <p:spPr>
          <a:xfrm>
            <a:off x="3155066" y="3076707"/>
            <a:ext cx="128721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sger Hobolth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64305F9-9950-3444-A26F-204AF9EC17AB}"/>
              </a:ext>
            </a:extLst>
          </p:cNvPr>
          <p:cNvSpPr txBox="1"/>
          <p:nvPr/>
        </p:nvSpPr>
        <p:spPr>
          <a:xfrm>
            <a:off x="2111961" y="3777975"/>
            <a:ext cx="150047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ulien Y. Dutheil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A2F2789-C63B-BD43-8699-D85E8F0FFDA7}"/>
              </a:ext>
            </a:extLst>
          </p:cNvPr>
          <p:cNvSpPr txBox="1"/>
          <p:nvPr/>
        </p:nvSpPr>
        <p:spPr>
          <a:xfrm>
            <a:off x="1856807" y="5804106"/>
            <a:ext cx="20053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y colleagues at BiRC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FD10FC9-815F-C546-8AD7-BB4BDAC4C31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93812" y="4417629"/>
            <a:ext cx="4294213" cy="1268090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5F519C2D-F583-A04E-A968-F3F4F53F87D1}"/>
              </a:ext>
            </a:extLst>
          </p:cNvPr>
          <p:cNvGrpSpPr/>
          <p:nvPr/>
        </p:nvGrpSpPr>
        <p:grpSpPr>
          <a:xfrm>
            <a:off x="7750596" y="3985265"/>
            <a:ext cx="4032448" cy="1955279"/>
            <a:chOff x="8172919" y="4181694"/>
            <a:chExt cx="4032448" cy="1955279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5AFB8BB0-E6FF-A045-BA6B-F265F8FD1FE7}"/>
                </a:ext>
              </a:extLst>
            </p:cNvPr>
            <p:cNvSpPr/>
            <p:nvPr/>
          </p:nvSpPr>
          <p:spPr>
            <a:xfrm>
              <a:off x="8172919" y="4181694"/>
              <a:ext cx="4032448" cy="195527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Iker Rivas-González – PhD Student</a:t>
              </a:r>
            </a:p>
            <a:p>
              <a:pPr>
                <a:lnSpc>
                  <a:spcPct val="10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Bioinformatics Research Centre (</a:t>
              </a:r>
              <a:r>
                <a:rPr lang="en-GB" sz="1600" dirty="0" err="1">
                  <a:latin typeface="+mn-lt"/>
                </a:rPr>
                <a:t>BiRC</a:t>
              </a:r>
              <a:r>
                <a:rPr lang="en-GB" sz="1600" dirty="0">
                  <a:latin typeface="+mn-lt"/>
                </a:rPr>
                <a:t>)   </a:t>
              </a:r>
            </a:p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GB" sz="1600" dirty="0">
                  <a:latin typeface="+mn-lt"/>
                </a:rPr>
                <a:t>Aarhus University</a:t>
              </a:r>
            </a:p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     </a:t>
              </a:r>
              <a:r>
                <a:rPr lang="en-GB" sz="1600" dirty="0" err="1">
                  <a:latin typeface="+mn-lt"/>
                </a:rPr>
                <a:t>irg@birc.au.dk</a:t>
              </a:r>
              <a:r>
                <a:rPr lang="en-GB" sz="1600" dirty="0">
                  <a:latin typeface="+mn-lt"/>
                </a:rPr>
                <a:t>          @</a:t>
              </a:r>
              <a:r>
                <a:rPr lang="en-GB" sz="1600" dirty="0" err="1">
                  <a:latin typeface="+mn-lt"/>
                </a:rPr>
                <a:t>irg_bio</a:t>
              </a:r>
              <a:endParaRPr lang="en-GB" sz="1600" dirty="0">
                <a:latin typeface="+mn-lt"/>
              </a:endParaRPr>
            </a:p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     t11-rivas-gonzález-phylogenetically</a:t>
              </a:r>
            </a:p>
          </p:txBody>
        </p:sp>
        <p:pic>
          <p:nvPicPr>
            <p:cNvPr id="4" name="Picture 4">
              <a:extLst>
                <a:ext uri="{FF2B5EF4-FFF2-40B4-BE49-F238E27FC236}">
                  <a16:creationId xmlns:a16="http://schemas.microsoft.com/office/drawing/2014/main" id="{93752C27-E7EA-1C4A-9D3B-36919FE2283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246578" y="5402714"/>
              <a:ext cx="230597" cy="18953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0" name="Picture 6" descr="Mail Logo Stock-vektor (royaltyfri) 468389300">
              <a:extLst>
                <a:ext uri="{FF2B5EF4-FFF2-40B4-BE49-F238E27FC236}">
                  <a16:creationId xmlns:a16="http://schemas.microsoft.com/office/drawing/2014/main" id="{B0B20B2A-9F8B-104A-912A-C6C0D1E967D2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7476"/>
            <a:stretch/>
          </p:blipFill>
          <p:spPr bwMode="auto">
            <a:xfrm>
              <a:off x="8231794" y="5368938"/>
              <a:ext cx="299399" cy="24088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036" name="Picture 12" descr="Slack sparks further outrage with tweak to new logo | Creative Bloq">
            <a:extLst>
              <a:ext uri="{FF2B5EF4-FFF2-40B4-BE49-F238E27FC236}">
                <a16:creationId xmlns:a16="http://schemas.microsoft.com/office/drawing/2014/main" id="{4C0C8892-C0FD-5E4C-9AFC-B18CEEC772A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234" r="22234"/>
          <a:stretch/>
        </p:blipFill>
        <p:spPr bwMode="auto">
          <a:xfrm>
            <a:off x="7843421" y="5629417"/>
            <a:ext cx="237804" cy="2408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6783805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68CFE-A579-994E-A0E2-67F60F7AF172}"/>
              </a:ext>
            </a:extLst>
          </p:cNvPr>
          <p:cNvSpPr txBox="1"/>
          <p:nvPr/>
        </p:nvSpPr>
        <p:spPr>
          <a:xfrm>
            <a:off x="8079126" y="5311595"/>
            <a:ext cx="327493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ified from Leliaert et al. (2013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3A5631D5-EA43-9D47-8595-993622C0B0A6}"/>
              </a:ext>
            </a:extLst>
          </p:cNvPr>
          <p:cNvGrpSpPr/>
          <p:nvPr/>
        </p:nvGrpSpPr>
        <p:grpSpPr>
          <a:xfrm>
            <a:off x="7750596" y="1935538"/>
            <a:ext cx="3157804" cy="3121068"/>
            <a:chOff x="244914" y="1296063"/>
            <a:chExt cx="3157804" cy="3121068"/>
          </a:xfrm>
        </p:grpSpPr>
        <p:pic>
          <p:nvPicPr>
            <p:cNvPr id="5" name="Picture 4" descr="Figure">
              <a:extLst>
                <a:ext uri="{FF2B5EF4-FFF2-40B4-BE49-F238E27FC236}">
                  <a16:creationId xmlns:a16="http://schemas.microsoft.com/office/drawing/2014/main" id="{8C320472-DD6A-434C-821A-619CEE4751E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6627" t="14085" b="5321"/>
            <a:stretch/>
          </p:blipFill>
          <p:spPr bwMode="auto">
            <a:xfrm rot="10800000">
              <a:off x="477788" y="1447136"/>
              <a:ext cx="2875012" cy="27019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11" descr="Figure">
              <a:extLst>
                <a:ext uri="{FF2B5EF4-FFF2-40B4-BE49-F238E27FC236}">
                  <a16:creationId xmlns:a16="http://schemas.microsoft.com/office/drawing/2014/main" id="{5C9AA082-EC3B-E04E-B939-C62853750F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655928" y="4177090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13" descr="Figure">
              <a:extLst>
                <a:ext uri="{FF2B5EF4-FFF2-40B4-BE49-F238E27FC236}">
                  <a16:creationId xmlns:a16="http://schemas.microsoft.com/office/drawing/2014/main" id="{3DAB4932-8828-394F-96A4-FD39AF68385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579323" y="418322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Figure">
              <a:extLst>
                <a:ext uri="{FF2B5EF4-FFF2-40B4-BE49-F238E27FC236}">
                  <a16:creationId xmlns:a16="http://schemas.microsoft.com/office/drawing/2014/main" id="{AD971CCD-671E-5048-8CDF-DA6508A5D6E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545767" y="4177091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Freeform 1">
              <a:extLst>
                <a:ext uri="{FF2B5EF4-FFF2-40B4-BE49-F238E27FC236}">
                  <a16:creationId xmlns:a16="http://schemas.microsoft.com/office/drawing/2014/main" id="{A05A271C-05B9-934F-A56F-17870FA7A33F}"/>
                </a:ext>
              </a:extLst>
            </p:cNvPr>
            <p:cNvSpPr/>
            <p:nvPr/>
          </p:nvSpPr>
          <p:spPr bwMode="auto">
            <a:xfrm>
              <a:off x="244914" y="1296063"/>
              <a:ext cx="966101" cy="1534601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826C854-1AC9-F74D-B8D7-704EF889BAA9}"/>
                </a:ext>
              </a:extLst>
            </p:cNvPr>
            <p:cNvSpPr/>
            <p:nvPr/>
          </p:nvSpPr>
          <p:spPr bwMode="auto">
            <a:xfrm>
              <a:off x="2947803" y="1878389"/>
              <a:ext cx="454915" cy="915290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424C5F9E-FB05-804F-BD4D-B04B6CD34189}"/>
              </a:ext>
            </a:extLst>
          </p:cNvPr>
          <p:cNvGrpSpPr/>
          <p:nvPr/>
        </p:nvGrpSpPr>
        <p:grpSpPr>
          <a:xfrm>
            <a:off x="4450397" y="1935538"/>
            <a:ext cx="3104270" cy="3116644"/>
            <a:chOff x="302079" y="1992086"/>
            <a:chExt cx="3104270" cy="3116644"/>
          </a:xfrm>
        </p:grpSpPr>
        <p:pic>
          <p:nvPicPr>
            <p:cNvPr id="18" name="Picture 17" descr="Figure">
              <a:extLst>
                <a:ext uri="{FF2B5EF4-FFF2-40B4-BE49-F238E27FC236}">
                  <a16:creationId xmlns:a16="http://schemas.microsoft.com/office/drawing/2014/main" id="{1C2C0F45-E570-2A48-9663-3BBC2986FC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394" t="14085" r="33233" b="4485"/>
            <a:stretch/>
          </p:blipFill>
          <p:spPr bwMode="auto">
            <a:xfrm rot="10800000">
              <a:off x="450153" y="2139912"/>
              <a:ext cx="2875014" cy="272995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Freeform 3">
              <a:extLst>
                <a:ext uri="{FF2B5EF4-FFF2-40B4-BE49-F238E27FC236}">
                  <a16:creationId xmlns:a16="http://schemas.microsoft.com/office/drawing/2014/main" id="{D7DCCF8F-887B-6E48-BA13-4D6236C5D276}"/>
                </a:ext>
              </a:extLst>
            </p:cNvPr>
            <p:cNvSpPr/>
            <p:nvPr/>
          </p:nvSpPr>
          <p:spPr bwMode="auto">
            <a:xfrm>
              <a:off x="302079" y="1992086"/>
              <a:ext cx="854598" cy="1551214"/>
            </a:xfrm>
            <a:custGeom>
              <a:avLst/>
              <a:gdLst>
                <a:gd name="connsiteX0" fmla="*/ 522514 w 854598"/>
                <a:gd name="connsiteY0" fmla="*/ 1518557 h 1551214"/>
                <a:gd name="connsiteX1" fmla="*/ 563335 w 854598"/>
                <a:gd name="connsiteY1" fmla="*/ 1534885 h 1551214"/>
                <a:gd name="connsiteX2" fmla="*/ 685800 w 854598"/>
                <a:gd name="connsiteY2" fmla="*/ 1518557 h 1551214"/>
                <a:gd name="connsiteX3" fmla="*/ 734785 w 854598"/>
                <a:gd name="connsiteY3" fmla="*/ 1477735 h 1551214"/>
                <a:gd name="connsiteX4" fmla="*/ 751114 w 854598"/>
                <a:gd name="connsiteY4" fmla="*/ 1420585 h 1551214"/>
                <a:gd name="connsiteX5" fmla="*/ 783771 w 854598"/>
                <a:gd name="connsiteY5" fmla="*/ 1347107 h 1551214"/>
                <a:gd name="connsiteX6" fmla="*/ 808264 w 854598"/>
                <a:gd name="connsiteY6" fmla="*/ 1273628 h 1551214"/>
                <a:gd name="connsiteX7" fmla="*/ 816428 w 854598"/>
                <a:gd name="connsiteY7" fmla="*/ 1249135 h 1551214"/>
                <a:gd name="connsiteX8" fmla="*/ 832757 w 854598"/>
                <a:gd name="connsiteY8" fmla="*/ 1110343 h 1551214"/>
                <a:gd name="connsiteX9" fmla="*/ 840921 w 854598"/>
                <a:gd name="connsiteY9" fmla="*/ 889907 h 1551214"/>
                <a:gd name="connsiteX10" fmla="*/ 849085 w 854598"/>
                <a:gd name="connsiteY10" fmla="*/ 767443 h 1551214"/>
                <a:gd name="connsiteX11" fmla="*/ 824592 w 854598"/>
                <a:gd name="connsiteY11" fmla="*/ 498021 h 1551214"/>
                <a:gd name="connsiteX12" fmla="*/ 800100 w 854598"/>
                <a:gd name="connsiteY12" fmla="*/ 465364 h 1551214"/>
                <a:gd name="connsiteX13" fmla="*/ 791935 w 854598"/>
                <a:gd name="connsiteY13" fmla="*/ 440871 h 1551214"/>
                <a:gd name="connsiteX14" fmla="*/ 767442 w 854598"/>
                <a:gd name="connsiteY14" fmla="*/ 416378 h 1551214"/>
                <a:gd name="connsiteX15" fmla="*/ 751114 w 854598"/>
                <a:gd name="connsiteY15" fmla="*/ 391885 h 1551214"/>
                <a:gd name="connsiteX16" fmla="*/ 726621 w 854598"/>
                <a:gd name="connsiteY16" fmla="*/ 367393 h 1551214"/>
                <a:gd name="connsiteX17" fmla="*/ 710292 w 854598"/>
                <a:gd name="connsiteY17" fmla="*/ 342900 h 1551214"/>
                <a:gd name="connsiteX18" fmla="*/ 685800 w 854598"/>
                <a:gd name="connsiteY18" fmla="*/ 318407 h 1551214"/>
                <a:gd name="connsiteX19" fmla="*/ 653142 w 854598"/>
                <a:gd name="connsiteY19" fmla="*/ 269421 h 1551214"/>
                <a:gd name="connsiteX20" fmla="*/ 620485 w 854598"/>
                <a:gd name="connsiteY20" fmla="*/ 228600 h 1551214"/>
                <a:gd name="connsiteX21" fmla="*/ 595992 w 854598"/>
                <a:gd name="connsiteY21" fmla="*/ 163285 h 1551214"/>
                <a:gd name="connsiteX22" fmla="*/ 579664 w 854598"/>
                <a:gd name="connsiteY22" fmla="*/ 130628 h 1551214"/>
                <a:gd name="connsiteX23" fmla="*/ 563335 w 854598"/>
                <a:gd name="connsiteY23" fmla="*/ 73478 h 1551214"/>
                <a:gd name="connsiteX24" fmla="*/ 506185 w 854598"/>
                <a:gd name="connsiteY24" fmla="*/ 8164 h 1551214"/>
                <a:gd name="connsiteX25" fmla="*/ 481692 w 854598"/>
                <a:gd name="connsiteY25" fmla="*/ 0 h 1551214"/>
                <a:gd name="connsiteX26" fmla="*/ 416378 w 854598"/>
                <a:gd name="connsiteY26" fmla="*/ 16328 h 1551214"/>
                <a:gd name="connsiteX27" fmla="*/ 359228 w 854598"/>
                <a:gd name="connsiteY27" fmla="*/ 73478 h 1551214"/>
                <a:gd name="connsiteX28" fmla="*/ 253092 w 854598"/>
                <a:gd name="connsiteY28" fmla="*/ 228600 h 1551214"/>
                <a:gd name="connsiteX29" fmla="*/ 187778 w 854598"/>
                <a:gd name="connsiteY29" fmla="*/ 351064 h 1551214"/>
                <a:gd name="connsiteX30" fmla="*/ 155121 w 854598"/>
                <a:gd name="connsiteY30" fmla="*/ 408214 h 1551214"/>
                <a:gd name="connsiteX31" fmla="*/ 130628 w 854598"/>
                <a:gd name="connsiteY31" fmla="*/ 473528 h 1551214"/>
                <a:gd name="connsiteX32" fmla="*/ 106135 w 854598"/>
                <a:gd name="connsiteY32" fmla="*/ 530678 h 1551214"/>
                <a:gd name="connsiteX33" fmla="*/ 65314 w 854598"/>
                <a:gd name="connsiteY33" fmla="*/ 636814 h 1551214"/>
                <a:gd name="connsiteX34" fmla="*/ 40821 w 854598"/>
                <a:gd name="connsiteY34" fmla="*/ 751114 h 1551214"/>
                <a:gd name="connsiteX35" fmla="*/ 24492 w 854598"/>
                <a:gd name="connsiteY35" fmla="*/ 808264 h 1551214"/>
                <a:gd name="connsiteX36" fmla="*/ 16328 w 854598"/>
                <a:gd name="connsiteY36" fmla="*/ 857250 h 1551214"/>
                <a:gd name="connsiteX37" fmla="*/ 0 w 854598"/>
                <a:gd name="connsiteY37" fmla="*/ 914400 h 1551214"/>
                <a:gd name="connsiteX38" fmla="*/ 8164 w 854598"/>
                <a:gd name="connsiteY38" fmla="*/ 1118507 h 1551214"/>
                <a:gd name="connsiteX39" fmla="*/ 24492 w 854598"/>
                <a:gd name="connsiteY39" fmla="*/ 1216478 h 1551214"/>
                <a:gd name="connsiteX40" fmla="*/ 40821 w 854598"/>
                <a:gd name="connsiteY40" fmla="*/ 1322614 h 1551214"/>
                <a:gd name="connsiteX41" fmla="*/ 48985 w 854598"/>
                <a:gd name="connsiteY41" fmla="*/ 1347107 h 1551214"/>
                <a:gd name="connsiteX42" fmla="*/ 73478 w 854598"/>
                <a:gd name="connsiteY42" fmla="*/ 1371600 h 1551214"/>
                <a:gd name="connsiteX43" fmla="*/ 89807 w 854598"/>
                <a:gd name="connsiteY43" fmla="*/ 1396093 h 1551214"/>
                <a:gd name="connsiteX44" fmla="*/ 138792 w 854598"/>
                <a:gd name="connsiteY44" fmla="*/ 1445078 h 1551214"/>
                <a:gd name="connsiteX45" fmla="*/ 155121 w 854598"/>
                <a:gd name="connsiteY45" fmla="*/ 1469571 h 1551214"/>
                <a:gd name="connsiteX46" fmla="*/ 204107 w 854598"/>
                <a:gd name="connsiteY46" fmla="*/ 1502228 h 1551214"/>
                <a:gd name="connsiteX47" fmla="*/ 277585 w 854598"/>
                <a:gd name="connsiteY47" fmla="*/ 1543050 h 1551214"/>
                <a:gd name="connsiteX48" fmla="*/ 302078 w 854598"/>
                <a:gd name="connsiteY48" fmla="*/ 1551214 h 1551214"/>
                <a:gd name="connsiteX49" fmla="*/ 432707 w 854598"/>
                <a:gd name="connsiteY49" fmla="*/ 1526721 h 1551214"/>
                <a:gd name="connsiteX50" fmla="*/ 473528 w 854598"/>
                <a:gd name="connsiteY50" fmla="*/ 1518557 h 1551214"/>
                <a:gd name="connsiteX51" fmla="*/ 522514 w 854598"/>
                <a:gd name="connsiteY51" fmla="*/ 1518557 h 15512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854598" h="1551214">
                  <a:moveTo>
                    <a:pt x="522514" y="1518557"/>
                  </a:moveTo>
                  <a:cubicBezTo>
                    <a:pt x="537482" y="1521278"/>
                    <a:pt x="548717" y="1533841"/>
                    <a:pt x="563335" y="1534885"/>
                  </a:cubicBezTo>
                  <a:cubicBezTo>
                    <a:pt x="584319" y="1536384"/>
                    <a:pt x="658820" y="1523054"/>
                    <a:pt x="685800" y="1518557"/>
                  </a:cubicBezTo>
                  <a:cubicBezTo>
                    <a:pt x="703872" y="1506508"/>
                    <a:pt x="722213" y="1496593"/>
                    <a:pt x="734785" y="1477735"/>
                  </a:cubicBezTo>
                  <a:cubicBezTo>
                    <a:pt x="739777" y="1470248"/>
                    <a:pt x="749628" y="1425539"/>
                    <a:pt x="751114" y="1420585"/>
                  </a:cubicBezTo>
                  <a:cubicBezTo>
                    <a:pt x="767012" y="1367591"/>
                    <a:pt x="759909" y="1382899"/>
                    <a:pt x="783771" y="1347107"/>
                  </a:cubicBezTo>
                  <a:lnTo>
                    <a:pt x="808264" y="1273628"/>
                  </a:lnTo>
                  <a:lnTo>
                    <a:pt x="816428" y="1249135"/>
                  </a:lnTo>
                  <a:cubicBezTo>
                    <a:pt x="823217" y="1201611"/>
                    <a:pt x="830128" y="1158972"/>
                    <a:pt x="832757" y="1110343"/>
                  </a:cubicBezTo>
                  <a:cubicBezTo>
                    <a:pt x="836726" y="1036921"/>
                    <a:pt x="837424" y="963353"/>
                    <a:pt x="840921" y="889907"/>
                  </a:cubicBezTo>
                  <a:cubicBezTo>
                    <a:pt x="842867" y="849041"/>
                    <a:pt x="846364" y="808264"/>
                    <a:pt x="849085" y="767443"/>
                  </a:cubicBezTo>
                  <a:cubicBezTo>
                    <a:pt x="845393" y="660357"/>
                    <a:pt x="875484" y="579449"/>
                    <a:pt x="824592" y="498021"/>
                  </a:cubicBezTo>
                  <a:cubicBezTo>
                    <a:pt x="817380" y="486482"/>
                    <a:pt x="808264" y="476250"/>
                    <a:pt x="800100" y="465364"/>
                  </a:cubicBezTo>
                  <a:cubicBezTo>
                    <a:pt x="797378" y="457200"/>
                    <a:pt x="796709" y="448032"/>
                    <a:pt x="791935" y="440871"/>
                  </a:cubicBezTo>
                  <a:cubicBezTo>
                    <a:pt x="785530" y="431264"/>
                    <a:pt x="774834" y="425248"/>
                    <a:pt x="767442" y="416378"/>
                  </a:cubicBezTo>
                  <a:cubicBezTo>
                    <a:pt x="761160" y="408840"/>
                    <a:pt x="757396" y="399423"/>
                    <a:pt x="751114" y="391885"/>
                  </a:cubicBezTo>
                  <a:cubicBezTo>
                    <a:pt x="743722" y="383015"/>
                    <a:pt x="734013" y="376263"/>
                    <a:pt x="726621" y="367393"/>
                  </a:cubicBezTo>
                  <a:cubicBezTo>
                    <a:pt x="720339" y="359855"/>
                    <a:pt x="716574" y="350438"/>
                    <a:pt x="710292" y="342900"/>
                  </a:cubicBezTo>
                  <a:cubicBezTo>
                    <a:pt x="702901" y="334030"/>
                    <a:pt x="692888" y="327521"/>
                    <a:pt x="685800" y="318407"/>
                  </a:cubicBezTo>
                  <a:cubicBezTo>
                    <a:pt x="673752" y="302916"/>
                    <a:pt x="665402" y="284745"/>
                    <a:pt x="653142" y="269421"/>
                  </a:cubicBezTo>
                  <a:cubicBezTo>
                    <a:pt x="642256" y="255814"/>
                    <a:pt x="630151" y="243099"/>
                    <a:pt x="620485" y="228600"/>
                  </a:cubicBezTo>
                  <a:cubicBezTo>
                    <a:pt x="594511" y="189638"/>
                    <a:pt x="611376" y="204309"/>
                    <a:pt x="595992" y="163285"/>
                  </a:cubicBezTo>
                  <a:cubicBezTo>
                    <a:pt x="591719" y="151889"/>
                    <a:pt x="583937" y="142024"/>
                    <a:pt x="579664" y="130628"/>
                  </a:cubicBezTo>
                  <a:cubicBezTo>
                    <a:pt x="574783" y="117612"/>
                    <a:pt x="570930" y="87148"/>
                    <a:pt x="563335" y="73478"/>
                  </a:cubicBezTo>
                  <a:cubicBezTo>
                    <a:pt x="544495" y="39566"/>
                    <a:pt x="537376" y="23760"/>
                    <a:pt x="506185" y="8164"/>
                  </a:cubicBezTo>
                  <a:cubicBezTo>
                    <a:pt x="498488" y="4315"/>
                    <a:pt x="489856" y="2721"/>
                    <a:pt x="481692" y="0"/>
                  </a:cubicBezTo>
                  <a:cubicBezTo>
                    <a:pt x="459921" y="5443"/>
                    <a:pt x="435621" y="4782"/>
                    <a:pt x="416378" y="16328"/>
                  </a:cubicBezTo>
                  <a:cubicBezTo>
                    <a:pt x="393276" y="30189"/>
                    <a:pt x="376058" y="52441"/>
                    <a:pt x="359228" y="73478"/>
                  </a:cubicBezTo>
                  <a:cubicBezTo>
                    <a:pt x="303500" y="143139"/>
                    <a:pt x="322417" y="116613"/>
                    <a:pt x="253092" y="228600"/>
                  </a:cubicBezTo>
                  <a:cubicBezTo>
                    <a:pt x="213124" y="293163"/>
                    <a:pt x="224960" y="281348"/>
                    <a:pt x="187778" y="351064"/>
                  </a:cubicBezTo>
                  <a:cubicBezTo>
                    <a:pt x="177453" y="370424"/>
                    <a:pt x="164399" y="388332"/>
                    <a:pt x="155121" y="408214"/>
                  </a:cubicBezTo>
                  <a:cubicBezTo>
                    <a:pt x="145288" y="429284"/>
                    <a:pt x="139264" y="451939"/>
                    <a:pt x="130628" y="473528"/>
                  </a:cubicBezTo>
                  <a:cubicBezTo>
                    <a:pt x="122931" y="492771"/>
                    <a:pt x="113575" y="511334"/>
                    <a:pt x="106135" y="530678"/>
                  </a:cubicBezTo>
                  <a:cubicBezTo>
                    <a:pt x="48929" y="679416"/>
                    <a:pt x="137919" y="467404"/>
                    <a:pt x="65314" y="636814"/>
                  </a:cubicBezTo>
                  <a:cubicBezTo>
                    <a:pt x="59067" y="668049"/>
                    <a:pt x="50750" y="716361"/>
                    <a:pt x="40821" y="751114"/>
                  </a:cubicBezTo>
                  <a:cubicBezTo>
                    <a:pt x="30448" y="787419"/>
                    <a:pt x="32998" y="765736"/>
                    <a:pt x="24492" y="808264"/>
                  </a:cubicBezTo>
                  <a:cubicBezTo>
                    <a:pt x="21245" y="824496"/>
                    <a:pt x="19574" y="841018"/>
                    <a:pt x="16328" y="857250"/>
                  </a:cubicBezTo>
                  <a:cubicBezTo>
                    <a:pt x="11203" y="882878"/>
                    <a:pt x="7781" y="891056"/>
                    <a:pt x="0" y="914400"/>
                  </a:cubicBezTo>
                  <a:cubicBezTo>
                    <a:pt x="2721" y="982436"/>
                    <a:pt x="3917" y="1050550"/>
                    <a:pt x="8164" y="1118507"/>
                  </a:cubicBezTo>
                  <a:cubicBezTo>
                    <a:pt x="11843" y="1177365"/>
                    <a:pt x="17204" y="1165461"/>
                    <a:pt x="24492" y="1216478"/>
                  </a:cubicBezTo>
                  <a:cubicBezTo>
                    <a:pt x="34832" y="1288855"/>
                    <a:pt x="26254" y="1271628"/>
                    <a:pt x="40821" y="1322614"/>
                  </a:cubicBezTo>
                  <a:cubicBezTo>
                    <a:pt x="43185" y="1330889"/>
                    <a:pt x="44211" y="1339946"/>
                    <a:pt x="48985" y="1347107"/>
                  </a:cubicBezTo>
                  <a:cubicBezTo>
                    <a:pt x="55390" y="1356714"/>
                    <a:pt x="66086" y="1362730"/>
                    <a:pt x="73478" y="1371600"/>
                  </a:cubicBezTo>
                  <a:cubicBezTo>
                    <a:pt x="79760" y="1379138"/>
                    <a:pt x="83288" y="1388759"/>
                    <a:pt x="89807" y="1396093"/>
                  </a:cubicBezTo>
                  <a:cubicBezTo>
                    <a:pt x="105148" y="1413352"/>
                    <a:pt x="125983" y="1425865"/>
                    <a:pt x="138792" y="1445078"/>
                  </a:cubicBezTo>
                  <a:cubicBezTo>
                    <a:pt x="144235" y="1453242"/>
                    <a:pt x="147736" y="1463110"/>
                    <a:pt x="155121" y="1469571"/>
                  </a:cubicBezTo>
                  <a:cubicBezTo>
                    <a:pt x="169890" y="1482494"/>
                    <a:pt x="190230" y="1488351"/>
                    <a:pt x="204107" y="1502228"/>
                  </a:cubicBezTo>
                  <a:cubicBezTo>
                    <a:pt x="240770" y="1538891"/>
                    <a:pt x="217647" y="1523070"/>
                    <a:pt x="277585" y="1543050"/>
                  </a:cubicBezTo>
                  <a:lnTo>
                    <a:pt x="302078" y="1551214"/>
                  </a:lnTo>
                  <a:cubicBezTo>
                    <a:pt x="446116" y="1533210"/>
                    <a:pt x="288362" y="1555589"/>
                    <a:pt x="432707" y="1526721"/>
                  </a:cubicBezTo>
                  <a:cubicBezTo>
                    <a:pt x="446314" y="1524000"/>
                    <a:pt x="460066" y="1521922"/>
                    <a:pt x="473528" y="1518557"/>
                  </a:cubicBezTo>
                  <a:cubicBezTo>
                    <a:pt x="513070" y="1508672"/>
                    <a:pt x="507546" y="1515836"/>
                    <a:pt x="522514" y="1518557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71779E75-8D06-3742-A710-7EB60C5E687A}"/>
                </a:ext>
              </a:extLst>
            </p:cNvPr>
            <p:cNvSpPr/>
            <p:nvPr/>
          </p:nvSpPr>
          <p:spPr bwMode="auto">
            <a:xfrm>
              <a:off x="2757293" y="2147207"/>
              <a:ext cx="649056" cy="326682"/>
            </a:xfrm>
            <a:custGeom>
              <a:avLst/>
              <a:gdLst>
                <a:gd name="connsiteX0" fmla="*/ 239000 w 649056"/>
                <a:gd name="connsiteY0" fmla="*/ 302079 h 326682"/>
                <a:gd name="connsiteX1" fmla="*/ 198178 w 649056"/>
                <a:gd name="connsiteY1" fmla="*/ 318407 h 326682"/>
                <a:gd name="connsiteX2" fmla="*/ 108371 w 649056"/>
                <a:gd name="connsiteY2" fmla="*/ 293914 h 326682"/>
                <a:gd name="connsiteX3" fmla="*/ 75714 w 649056"/>
                <a:gd name="connsiteY3" fmla="*/ 244929 h 326682"/>
                <a:gd name="connsiteX4" fmla="*/ 59386 w 649056"/>
                <a:gd name="connsiteY4" fmla="*/ 220436 h 326682"/>
                <a:gd name="connsiteX5" fmla="*/ 43057 w 649056"/>
                <a:gd name="connsiteY5" fmla="*/ 171450 h 326682"/>
                <a:gd name="connsiteX6" fmla="*/ 34893 w 649056"/>
                <a:gd name="connsiteY6" fmla="*/ 146957 h 326682"/>
                <a:gd name="connsiteX7" fmla="*/ 18564 w 649056"/>
                <a:gd name="connsiteY7" fmla="*/ 122464 h 326682"/>
                <a:gd name="connsiteX8" fmla="*/ 10400 w 649056"/>
                <a:gd name="connsiteY8" fmla="*/ 16329 h 326682"/>
                <a:gd name="connsiteX9" fmla="*/ 43057 w 649056"/>
                <a:gd name="connsiteY9" fmla="*/ 0 h 326682"/>
                <a:gd name="connsiteX10" fmla="*/ 426778 w 649056"/>
                <a:gd name="connsiteY10" fmla="*/ 8164 h 326682"/>
                <a:gd name="connsiteX11" fmla="*/ 492093 w 649056"/>
                <a:gd name="connsiteY11" fmla="*/ 24493 h 326682"/>
                <a:gd name="connsiteX12" fmla="*/ 541078 w 649056"/>
                <a:gd name="connsiteY12" fmla="*/ 32657 h 326682"/>
                <a:gd name="connsiteX13" fmla="*/ 590064 w 649056"/>
                <a:gd name="connsiteY13" fmla="*/ 48986 h 326682"/>
                <a:gd name="connsiteX14" fmla="*/ 614557 w 649056"/>
                <a:gd name="connsiteY14" fmla="*/ 57150 h 326682"/>
                <a:gd name="connsiteX15" fmla="*/ 630886 w 649056"/>
                <a:gd name="connsiteY15" fmla="*/ 163286 h 326682"/>
                <a:gd name="connsiteX16" fmla="*/ 573736 w 649056"/>
                <a:gd name="connsiteY16" fmla="*/ 204107 h 326682"/>
                <a:gd name="connsiteX17" fmla="*/ 532914 w 649056"/>
                <a:gd name="connsiteY17" fmla="*/ 220436 h 326682"/>
                <a:gd name="connsiteX18" fmla="*/ 459436 w 649056"/>
                <a:gd name="connsiteY18" fmla="*/ 261257 h 326682"/>
                <a:gd name="connsiteX19" fmla="*/ 434943 w 649056"/>
                <a:gd name="connsiteY19" fmla="*/ 277586 h 326682"/>
                <a:gd name="connsiteX20" fmla="*/ 345136 w 649056"/>
                <a:gd name="connsiteY20" fmla="*/ 310243 h 326682"/>
                <a:gd name="connsiteX21" fmla="*/ 312478 w 649056"/>
                <a:gd name="connsiteY21" fmla="*/ 318407 h 326682"/>
                <a:gd name="connsiteX22" fmla="*/ 287986 w 649056"/>
                <a:gd name="connsiteY22" fmla="*/ 326572 h 326682"/>
                <a:gd name="connsiteX23" fmla="*/ 239000 w 649056"/>
                <a:gd name="connsiteY23" fmla="*/ 302079 h 3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649056" h="326682">
                  <a:moveTo>
                    <a:pt x="239000" y="302079"/>
                  </a:moveTo>
                  <a:cubicBezTo>
                    <a:pt x="224032" y="300718"/>
                    <a:pt x="212790" y="317283"/>
                    <a:pt x="198178" y="318407"/>
                  </a:cubicBezTo>
                  <a:cubicBezTo>
                    <a:pt x="143507" y="322612"/>
                    <a:pt x="142006" y="316338"/>
                    <a:pt x="108371" y="293914"/>
                  </a:cubicBezTo>
                  <a:lnTo>
                    <a:pt x="75714" y="244929"/>
                  </a:lnTo>
                  <a:cubicBezTo>
                    <a:pt x="70271" y="236765"/>
                    <a:pt x="62489" y="229745"/>
                    <a:pt x="59386" y="220436"/>
                  </a:cubicBezTo>
                  <a:lnTo>
                    <a:pt x="43057" y="171450"/>
                  </a:lnTo>
                  <a:cubicBezTo>
                    <a:pt x="40336" y="163286"/>
                    <a:pt x="39667" y="154118"/>
                    <a:pt x="34893" y="146957"/>
                  </a:cubicBezTo>
                  <a:lnTo>
                    <a:pt x="18564" y="122464"/>
                  </a:lnTo>
                  <a:cubicBezTo>
                    <a:pt x="6420" y="86031"/>
                    <a:pt x="-11679" y="56073"/>
                    <a:pt x="10400" y="16329"/>
                  </a:cubicBezTo>
                  <a:cubicBezTo>
                    <a:pt x="16311" y="5690"/>
                    <a:pt x="32171" y="5443"/>
                    <a:pt x="43057" y="0"/>
                  </a:cubicBezTo>
                  <a:cubicBezTo>
                    <a:pt x="170964" y="2721"/>
                    <a:pt x="299032" y="1196"/>
                    <a:pt x="426778" y="8164"/>
                  </a:cubicBezTo>
                  <a:cubicBezTo>
                    <a:pt x="449186" y="9386"/>
                    <a:pt x="469957" y="20804"/>
                    <a:pt x="492093" y="24493"/>
                  </a:cubicBezTo>
                  <a:lnTo>
                    <a:pt x="541078" y="32657"/>
                  </a:lnTo>
                  <a:lnTo>
                    <a:pt x="590064" y="48986"/>
                  </a:lnTo>
                  <a:lnTo>
                    <a:pt x="614557" y="57150"/>
                  </a:lnTo>
                  <a:cubicBezTo>
                    <a:pt x="658741" y="86607"/>
                    <a:pt x="656233" y="74570"/>
                    <a:pt x="630886" y="163286"/>
                  </a:cubicBezTo>
                  <a:cubicBezTo>
                    <a:pt x="625609" y="181754"/>
                    <a:pt x="587394" y="198037"/>
                    <a:pt x="573736" y="204107"/>
                  </a:cubicBezTo>
                  <a:cubicBezTo>
                    <a:pt x="560344" y="210059"/>
                    <a:pt x="545780" y="213418"/>
                    <a:pt x="532914" y="220436"/>
                  </a:cubicBezTo>
                  <a:cubicBezTo>
                    <a:pt x="444685" y="268561"/>
                    <a:pt x="516614" y="242198"/>
                    <a:pt x="459436" y="261257"/>
                  </a:cubicBezTo>
                  <a:cubicBezTo>
                    <a:pt x="451272" y="266700"/>
                    <a:pt x="443719" y="273198"/>
                    <a:pt x="434943" y="277586"/>
                  </a:cubicBezTo>
                  <a:cubicBezTo>
                    <a:pt x="418719" y="285698"/>
                    <a:pt x="360368" y="306435"/>
                    <a:pt x="345136" y="310243"/>
                  </a:cubicBezTo>
                  <a:cubicBezTo>
                    <a:pt x="334250" y="312964"/>
                    <a:pt x="323267" y="315324"/>
                    <a:pt x="312478" y="318407"/>
                  </a:cubicBezTo>
                  <a:cubicBezTo>
                    <a:pt x="304203" y="320771"/>
                    <a:pt x="296556" y="325793"/>
                    <a:pt x="287986" y="326572"/>
                  </a:cubicBezTo>
                  <a:cubicBezTo>
                    <a:pt x="266304" y="328543"/>
                    <a:pt x="253968" y="303440"/>
                    <a:pt x="239000" y="302079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0" name="Picture 19" descr="Figure">
              <a:extLst>
                <a:ext uri="{FF2B5EF4-FFF2-40B4-BE49-F238E27FC236}">
                  <a16:creationId xmlns:a16="http://schemas.microsoft.com/office/drawing/2014/main" id="{41DB95B2-F16D-6941-BEB2-A91FA75B278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83048" y="4874819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0" descr="Figure">
              <a:extLst>
                <a:ext uri="{FF2B5EF4-FFF2-40B4-BE49-F238E27FC236}">
                  <a16:creationId xmlns:a16="http://schemas.microsoft.com/office/drawing/2014/main" id="{43839358-E1C8-394D-82FB-886A597B84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63886" y="487245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1" descr="Figure">
              <a:extLst>
                <a:ext uri="{FF2B5EF4-FFF2-40B4-BE49-F238E27FC236}">
                  <a16:creationId xmlns:a16="http://schemas.microsoft.com/office/drawing/2014/main" id="{C253BBCE-F689-2744-B5E0-BE42D987591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56544" y="4872450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4EA25E-17BC-0E48-B536-2CBAD61A3520}"/>
              </a:ext>
            </a:extLst>
          </p:cNvPr>
          <p:cNvGrpSpPr/>
          <p:nvPr/>
        </p:nvGrpSpPr>
        <p:grpSpPr>
          <a:xfrm>
            <a:off x="1221654" y="1935538"/>
            <a:ext cx="3162295" cy="3144106"/>
            <a:chOff x="573459" y="2100017"/>
            <a:chExt cx="3162295" cy="3144106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E51C0C85-A4CC-5343-A55D-3F0224D25C3F}"/>
                </a:ext>
              </a:extLst>
            </p:cNvPr>
            <p:cNvGrpSpPr/>
            <p:nvPr/>
          </p:nvGrpSpPr>
          <p:grpSpPr>
            <a:xfrm>
              <a:off x="650199" y="2100017"/>
              <a:ext cx="3085555" cy="3144106"/>
              <a:chOff x="650199" y="2100017"/>
              <a:chExt cx="3085555" cy="3144106"/>
            </a:xfrm>
          </p:grpSpPr>
          <p:pic>
            <p:nvPicPr>
              <p:cNvPr id="16" name="Picture 15" descr="Figure">
                <a:extLst>
                  <a:ext uri="{FF2B5EF4-FFF2-40B4-BE49-F238E27FC236}">
                    <a16:creationId xmlns:a16="http://schemas.microsoft.com/office/drawing/2014/main" id="{2B01BC76-1075-E048-8F02-4106057C7D6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4085" r="66627"/>
              <a:stretch/>
            </p:blipFill>
            <p:spPr bwMode="auto">
              <a:xfrm rot="10800000">
                <a:off x="650199" y="2100017"/>
                <a:ext cx="2875015" cy="28803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2346F62B-031B-124D-B6C2-74DEBC5AB157}"/>
                  </a:ext>
                </a:extLst>
              </p:cNvPr>
              <p:cNvSpPr/>
              <p:nvPr/>
            </p:nvSpPr>
            <p:spPr bwMode="auto">
              <a:xfrm>
                <a:off x="2618154" y="2203851"/>
                <a:ext cx="1117600" cy="3040272"/>
              </a:xfrm>
              <a:custGeom>
                <a:avLst/>
                <a:gdLst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31446 w 1117600"/>
                  <a:gd name="connsiteY53" fmla="*/ 2219657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633047 w 1117600"/>
                  <a:gd name="connsiteY52" fmla="*/ 2282180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</a:cxnLst>
                <a:rect l="l" t="t" r="r" b="b"/>
                <a:pathLst>
                  <a:path w="1117600" h="3040272">
                    <a:moveTo>
                      <a:pt x="226646" y="742549"/>
                    </a:moveTo>
                    <a:cubicBezTo>
                      <a:pt x="213620" y="745154"/>
                      <a:pt x="200853" y="750364"/>
                      <a:pt x="187569" y="750364"/>
                    </a:cubicBezTo>
                    <a:cubicBezTo>
                      <a:pt x="160060" y="750364"/>
                      <a:pt x="141409" y="742793"/>
                      <a:pt x="117231" y="734734"/>
                    </a:cubicBezTo>
                    <a:cubicBezTo>
                      <a:pt x="106810" y="719103"/>
                      <a:pt x="99253" y="701125"/>
                      <a:pt x="85969" y="687841"/>
                    </a:cubicBezTo>
                    <a:cubicBezTo>
                      <a:pt x="78154" y="680026"/>
                      <a:pt x="69309" y="673119"/>
                      <a:pt x="62523" y="664395"/>
                    </a:cubicBezTo>
                    <a:cubicBezTo>
                      <a:pt x="50990" y="649566"/>
                      <a:pt x="31261" y="617503"/>
                      <a:pt x="31261" y="617503"/>
                    </a:cubicBezTo>
                    <a:cubicBezTo>
                      <a:pt x="28656" y="609688"/>
                      <a:pt x="23152" y="602290"/>
                      <a:pt x="23446" y="594057"/>
                    </a:cubicBezTo>
                    <a:cubicBezTo>
                      <a:pt x="25778" y="528762"/>
                      <a:pt x="39077" y="398672"/>
                      <a:pt x="39077" y="398672"/>
                    </a:cubicBezTo>
                    <a:cubicBezTo>
                      <a:pt x="36472" y="362200"/>
                      <a:pt x="36685" y="325417"/>
                      <a:pt x="31261" y="289257"/>
                    </a:cubicBezTo>
                    <a:cubicBezTo>
                      <a:pt x="28817" y="272963"/>
                      <a:pt x="20841" y="257995"/>
                      <a:pt x="15631" y="242364"/>
                    </a:cubicBezTo>
                    <a:lnTo>
                      <a:pt x="7815" y="218918"/>
                    </a:lnTo>
                    <a:cubicBezTo>
                      <a:pt x="10420" y="205892"/>
                      <a:pt x="15631" y="193125"/>
                      <a:pt x="15631" y="179841"/>
                    </a:cubicBezTo>
                    <a:cubicBezTo>
                      <a:pt x="15631" y="143924"/>
                      <a:pt x="9623" y="130559"/>
                      <a:pt x="0" y="101687"/>
                    </a:cubicBezTo>
                    <a:cubicBezTo>
                      <a:pt x="14383" y="29771"/>
                      <a:pt x="-5190" y="62435"/>
                      <a:pt x="109415" y="54795"/>
                    </a:cubicBezTo>
                    <a:lnTo>
                      <a:pt x="351692" y="39164"/>
                    </a:lnTo>
                    <a:cubicBezTo>
                      <a:pt x="388325" y="35239"/>
                      <a:pt x="424767" y="29591"/>
                      <a:pt x="461108" y="23534"/>
                    </a:cubicBezTo>
                    <a:cubicBezTo>
                      <a:pt x="492369" y="18324"/>
                      <a:pt x="523330" y="10773"/>
                      <a:pt x="554892" y="7903"/>
                    </a:cubicBezTo>
                    <a:lnTo>
                      <a:pt x="640861" y="87"/>
                    </a:lnTo>
                    <a:cubicBezTo>
                      <a:pt x="773550" y="4663"/>
                      <a:pt x="809047" y="-9918"/>
                      <a:pt x="898769" y="15718"/>
                    </a:cubicBezTo>
                    <a:cubicBezTo>
                      <a:pt x="906690" y="17981"/>
                      <a:pt x="914847" y="19850"/>
                      <a:pt x="922215" y="23534"/>
                    </a:cubicBezTo>
                    <a:cubicBezTo>
                      <a:pt x="930616" y="27735"/>
                      <a:pt x="937846" y="33954"/>
                      <a:pt x="945661" y="39164"/>
                    </a:cubicBezTo>
                    <a:cubicBezTo>
                      <a:pt x="950871" y="46980"/>
                      <a:pt x="957091" y="54209"/>
                      <a:pt x="961292" y="62611"/>
                    </a:cubicBezTo>
                    <a:cubicBezTo>
                      <a:pt x="970641" y="81309"/>
                      <a:pt x="977973" y="104837"/>
                      <a:pt x="984738" y="125134"/>
                    </a:cubicBezTo>
                    <a:cubicBezTo>
                      <a:pt x="1000431" y="313434"/>
                      <a:pt x="991292" y="192766"/>
                      <a:pt x="1008184" y="508087"/>
                    </a:cubicBezTo>
                    <a:cubicBezTo>
                      <a:pt x="1010836" y="557582"/>
                      <a:pt x="1010811" y="607286"/>
                      <a:pt x="1016000" y="656580"/>
                    </a:cubicBezTo>
                    <a:cubicBezTo>
                      <a:pt x="1021210" y="706077"/>
                      <a:pt x="1026798" y="755536"/>
                      <a:pt x="1031631" y="805072"/>
                    </a:cubicBezTo>
                    <a:cubicBezTo>
                      <a:pt x="1037219" y="862349"/>
                      <a:pt x="1040614" y="919847"/>
                      <a:pt x="1047261" y="977011"/>
                    </a:cubicBezTo>
                    <a:cubicBezTo>
                      <a:pt x="1053644" y="1031904"/>
                      <a:pt x="1062892" y="1086426"/>
                      <a:pt x="1070708" y="1141134"/>
                    </a:cubicBezTo>
                    <a:cubicBezTo>
                      <a:pt x="1073313" y="1185421"/>
                      <a:pt x="1074382" y="1229825"/>
                      <a:pt x="1078523" y="1273995"/>
                    </a:cubicBezTo>
                    <a:cubicBezTo>
                      <a:pt x="1082203" y="1313246"/>
                      <a:pt x="1089801" y="1352044"/>
                      <a:pt x="1094154" y="1391226"/>
                    </a:cubicBezTo>
                    <a:cubicBezTo>
                      <a:pt x="1097618" y="1422404"/>
                      <a:pt x="1098848" y="1453797"/>
                      <a:pt x="1101969" y="1485011"/>
                    </a:cubicBezTo>
                    <a:cubicBezTo>
                      <a:pt x="1104059" y="1505910"/>
                      <a:pt x="1107694" y="1526635"/>
                      <a:pt x="1109784" y="1547534"/>
                    </a:cubicBezTo>
                    <a:cubicBezTo>
                      <a:pt x="1112905" y="1578748"/>
                      <a:pt x="1114995" y="1610057"/>
                      <a:pt x="1117600" y="1641318"/>
                    </a:cubicBezTo>
                    <a:cubicBezTo>
                      <a:pt x="1114995" y="1784600"/>
                      <a:pt x="1114191" y="1927926"/>
                      <a:pt x="1109784" y="2071164"/>
                    </a:cubicBezTo>
                    <a:cubicBezTo>
                      <a:pt x="1108979" y="2097333"/>
                      <a:pt x="1103506" y="2123182"/>
                      <a:pt x="1101969" y="2149318"/>
                    </a:cubicBezTo>
                    <a:cubicBezTo>
                      <a:pt x="1098295" y="2211787"/>
                      <a:pt x="1100031" y="2274586"/>
                      <a:pt x="1094154" y="2336887"/>
                    </a:cubicBezTo>
                    <a:cubicBezTo>
                      <a:pt x="1086991" y="2412814"/>
                      <a:pt x="1073432" y="2488001"/>
                      <a:pt x="1062892" y="2563534"/>
                    </a:cubicBezTo>
                    <a:cubicBezTo>
                      <a:pt x="1057801" y="2600022"/>
                      <a:pt x="1053851" y="2636701"/>
                      <a:pt x="1047261" y="2672949"/>
                    </a:cubicBezTo>
                    <a:cubicBezTo>
                      <a:pt x="1042051" y="2701605"/>
                      <a:pt x="1035952" y="2730114"/>
                      <a:pt x="1031631" y="2758918"/>
                    </a:cubicBezTo>
                    <a:cubicBezTo>
                      <a:pt x="1015866" y="2864021"/>
                      <a:pt x="1035556" y="2794034"/>
                      <a:pt x="1008184" y="2876149"/>
                    </a:cubicBezTo>
                    <a:cubicBezTo>
                      <a:pt x="1004337" y="2899233"/>
                      <a:pt x="1000325" y="2930988"/>
                      <a:pt x="992554" y="2954303"/>
                    </a:cubicBezTo>
                    <a:cubicBezTo>
                      <a:pt x="988118" y="2967612"/>
                      <a:pt x="981849" y="2980244"/>
                      <a:pt x="976923" y="2993380"/>
                    </a:cubicBezTo>
                    <a:cubicBezTo>
                      <a:pt x="974030" y="3001094"/>
                      <a:pt x="974933" y="3011001"/>
                      <a:pt x="969108" y="3016826"/>
                    </a:cubicBezTo>
                    <a:cubicBezTo>
                      <a:pt x="959450" y="3026484"/>
                      <a:pt x="928413" y="3035601"/>
                      <a:pt x="914400" y="3040272"/>
                    </a:cubicBezTo>
                    <a:cubicBezTo>
                      <a:pt x="893559" y="3037667"/>
                      <a:pt x="872253" y="3037551"/>
                      <a:pt x="851877" y="3032457"/>
                    </a:cubicBezTo>
                    <a:cubicBezTo>
                      <a:pt x="840574" y="3029631"/>
                      <a:pt x="831261" y="3021558"/>
                      <a:pt x="820615" y="3016826"/>
                    </a:cubicBezTo>
                    <a:cubicBezTo>
                      <a:pt x="807795" y="3011128"/>
                      <a:pt x="794276" y="3007074"/>
                      <a:pt x="781538" y="3001195"/>
                    </a:cubicBezTo>
                    <a:cubicBezTo>
                      <a:pt x="781455" y="3001157"/>
                      <a:pt x="709845" y="2968580"/>
                      <a:pt x="695569" y="2954303"/>
                    </a:cubicBezTo>
                    <a:cubicBezTo>
                      <a:pt x="675279" y="2934013"/>
                      <a:pt x="668873" y="2916542"/>
                      <a:pt x="656492" y="2891780"/>
                    </a:cubicBezTo>
                    <a:cubicBezTo>
                      <a:pt x="618886" y="2703751"/>
                      <a:pt x="640243" y="2840186"/>
                      <a:pt x="648677" y="2477564"/>
                    </a:cubicBezTo>
                    <a:cubicBezTo>
                      <a:pt x="646072" y="2443697"/>
                      <a:pt x="646764" y="2409414"/>
                      <a:pt x="640861" y="2375964"/>
                    </a:cubicBezTo>
                    <a:cubicBezTo>
                      <a:pt x="637896" y="2359160"/>
                      <a:pt x="603086" y="2329072"/>
                      <a:pt x="601784" y="2313441"/>
                    </a:cubicBezTo>
                    <a:cubicBezTo>
                      <a:pt x="600482" y="2297810"/>
                      <a:pt x="701652" y="2385087"/>
                      <a:pt x="633047" y="2282180"/>
                    </a:cubicBezTo>
                    <a:cubicBezTo>
                      <a:pt x="627837" y="2274365"/>
                      <a:pt x="599179" y="2219657"/>
                      <a:pt x="593969" y="2211842"/>
                    </a:cubicBezTo>
                    <a:cubicBezTo>
                      <a:pt x="595482" y="2189153"/>
                      <a:pt x="529989" y="2092890"/>
                      <a:pt x="554892" y="2055534"/>
                    </a:cubicBezTo>
                    <a:lnTo>
                      <a:pt x="570523" y="2032087"/>
                    </a:lnTo>
                    <a:cubicBezTo>
                      <a:pt x="567918" y="1951328"/>
                      <a:pt x="565755" y="1870554"/>
                      <a:pt x="562708" y="1789811"/>
                    </a:cubicBezTo>
                    <a:cubicBezTo>
                      <a:pt x="560545" y="1732480"/>
                      <a:pt x="559467" y="1675061"/>
                      <a:pt x="554892" y="1617872"/>
                    </a:cubicBezTo>
                    <a:cubicBezTo>
                      <a:pt x="554235" y="1609660"/>
                      <a:pt x="551647" y="1601280"/>
                      <a:pt x="547077" y="1594426"/>
                    </a:cubicBezTo>
                    <a:cubicBezTo>
                      <a:pt x="537417" y="1579935"/>
                      <a:pt x="505371" y="1556202"/>
                      <a:pt x="492369" y="1547534"/>
                    </a:cubicBezTo>
                    <a:cubicBezTo>
                      <a:pt x="479730" y="1539108"/>
                      <a:pt x="466174" y="1532138"/>
                      <a:pt x="453292" y="1524087"/>
                    </a:cubicBezTo>
                    <a:cubicBezTo>
                      <a:pt x="445327" y="1519109"/>
                      <a:pt x="438001" y="1513117"/>
                      <a:pt x="429846" y="1508457"/>
                    </a:cubicBezTo>
                    <a:cubicBezTo>
                      <a:pt x="419730" y="1502677"/>
                      <a:pt x="408464" y="1499001"/>
                      <a:pt x="398584" y="1492826"/>
                    </a:cubicBezTo>
                    <a:cubicBezTo>
                      <a:pt x="360864" y="1469251"/>
                      <a:pt x="370502" y="1468732"/>
                      <a:pt x="336061" y="1438118"/>
                    </a:cubicBezTo>
                    <a:cubicBezTo>
                      <a:pt x="323594" y="1427036"/>
                      <a:pt x="310010" y="1417277"/>
                      <a:pt x="296984" y="1406857"/>
                    </a:cubicBezTo>
                    <a:cubicBezTo>
                      <a:pt x="289169" y="1393831"/>
                      <a:pt x="282249" y="1380224"/>
                      <a:pt x="273538" y="1367780"/>
                    </a:cubicBezTo>
                    <a:cubicBezTo>
                      <a:pt x="263972" y="1354114"/>
                      <a:pt x="251232" y="1342776"/>
                      <a:pt x="242277" y="1328703"/>
                    </a:cubicBezTo>
                    <a:cubicBezTo>
                      <a:pt x="210760" y="1279176"/>
                      <a:pt x="223186" y="1283064"/>
                      <a:pt x="203200" y="1227103"/>
                    </a:cubicBezTo>
                    <a:cubicBezTo>
                      <a:pt x="196527" y="1208419"/>
                      <a:pt x="187569" y="1190631"/>
                      <a:pt x="179754" y="1172395"/>
                    </a:cubicBezTo>
                    <a:cubicBezTo>
                      <a:pt x="177149" y="1154159"/>
                      <a:pt x="176406" y="1135558"/>
                      <a:pt x="171938" y="1117687"/>
                    </a:cubicBezTo>
                    <a:cubicBezTo>
                      <a:pt x="168536" y="1104077"/>
                      <a:pt x="160339" y="1092048"/>
                      <a:pt x="156308" y="1078611"/>
                    </a:cubicBezTo>
                    <a:cubicBezTo>
                      <a:pt x="152491" y="1065888"/>
                      <a:pt x="151097" y="1052560"/>
                      <a:pt x="148492" y="1039534"/>
                    </a:cubicBezTo>
                    <a:cubicBezTo>
                      <a:pt x="139660" y="951206"/>
                      <a:pt x="124844" y="839261"/>
                      <a:pt x="148492" y="758180"/>
                    </a:cubicBezTo>
                    <a:cubicBezTo>
                      <a:pt x="153105" y="742363"/>
                      <a:pt x="195384" y="790287"/>
                      <a:pt x="195384" y="773811"/>
                    </a:cubicBezTo>
                    <a:lnTo>
                      <a:pt x="226646" y="742549"/>
                    </a:lnTo>
                    <a:close/>
                  </a:path>
                </a:pathLst>
              </a:cu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AE7F4791-2F4C-1F49-B892-22B850557472}"/>
                  </a:ext>
                </a:extLst>
              </p:cNvPr>
              <p:cNvSpPr/>
              <p:nvPr/>
            </p:nvSpPr>
            <p:spPr bwMode="auto">
              <a:xfrm>
                <a:off x="650199" y="2254139"/>
                <a:ext cx="259637" cy="163341"/>
              </a:xfrm>
              <a:prstGeom prst="rect">
                <a:avLst/>
              </a:pr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pic>
          <p:nvPicPr>
            <p:cNvPr id="27" name="Picture 26" descr="Figure">
              <a:extLst>
                <a:ext uri="{FF2B5EF4-FFF2-40B4-BE49-F238E27FC236}">
                  <a16:creationId xmlns:a16="http://schemas.microsoft.com/office/drawing/2014/main" id="{B8E85877-04BC-C044-B4D5-D6D930FD330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73459" y="4968906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 descr="Figure">
              <a:extLst>
                <a:ext uri="{FF2B5EF4-FFF2-40B4-BE49-F238E27FC236}">
                  <a16:creationId xmlns:a16="http://schemas.microsoft.com/office/drawing/2014/main" id="{373802D0-BE84-DF4B-9A26-932636D6A15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54297" y="4966537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8" descr="Figure">
              <a:extLst>
                <a:ext uri="{FF2B5EF4-FFF2-40B4-BE49-F238E27FC236}">
                  <a16:creationId xmlns:a16="http://schemas.microsoft.com/office/drawing/2014/main" id="{27A5DCBF-137A-3E41-94FF-E3CF23B315A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46955" y="4966537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33" descr="Figure">
            <a:extLst>
              <a:ext uri="{FF2B5EF4-FFF2-40B4-BE49-F238E27FC236}">
                <a16:creationId xmlns:a16="http://schemas.microsoft.com/office/drawing/2014/main" id="{CC4760B6-972E-8041-BC5F-D543AD392E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8" r="95579" b="87019"/>
          <a:stretch/>
        </p:blipFill>
        <p:spPr bwMode="auto">
          <a:xfrm>
            <a:off x="594239" y="4614061"/>
            <a:ext cx="380817" cy="216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63A39EFD-2F41-EA43-86A5-EB6FE0519EDB}"/>
              </a:ext>
            </a:extLst>
          </p:cNvPr>
          <p:cNvGrpSpPr/>
          <p:nvPr/>
        </p:nvGrpSpPr>
        <p:grpSpPr>
          <a:xfrm rot="10800000">
            <a:off x="931898" y="2035869"/>
            <a:ext cx="294401" cy="2844387"/>
            <a:chOff x="7385669" y="1381986"/>
            <a:chExt cx="294401" cy="2844387"/>
          </a:xfrm>
        </p:grpSpPr>
        <p:pic>
          <p:nvPicPr>
            <p:cNvPr id="35" name="Picture 34" descr="Figure">
              <a:extLst>
                <a:ext uri="{FF2B5EF4-FFF2-40B4-BE49-F238E27FC236}">
                  <a16:creationId xmlns:a16="http://schemas.microsoft.com/office/drawing/2014/main" id="{68BD4F43-193A-9744-A541-B0D219EBF21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392" t="12981" r="97251" b="4546"/>
            <a:stretch/>
          </p:blipFill>
          <p:spPr bwMode="auto">
            <a:xfrm>
              <a:off x="7385669" y="1381986"/>
              <a:ext cx="270561" cy="2764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EB0DA707-E5C3-4843-983B-DEF481F4E75C}"/>
                </a:ext>
              </a:extLst>
            </p:cNvPr>
            <p:cNvSpPr/>
            <p:nvPr/>
          </p:nvSpPr>
          <p:spPr bwMode="auto">
            <a:xfrm>
              <a:off x="7533252" y="1844715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DE84AF09-6B3D-FD43-B5E0-6B8AFC56F81C}"/>
                </a:ext>
              </a:extLst>
            </p:cNvPr>
            <p:cNvSpPr/>
            <p:nvPr/>
          </p:nvSpPr>
          <p:spPr bwMode="auto">
            <a:xfrm>
              <a:off x="7533252" y="3466539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40" name="Picture 39" descr="Figure">
            <a:extLst>
              <a:ext uri="{FF2B5EF4-FFF2-40B4-BE49-F238E27FC236}">
                <a16:creationId xmlns:a16="http://schemas.microsoft.com/office/drawing/2014/main" id="{23BE9EBC-B8BB-BC45-8CC1-9A6EF4D85F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1" t="42935" r="96259" b="51818"/>
          <a:stretch/>
        </p:blipFill>
        <p:spPr bwMode="auto">
          <a:xfrm>
            <a:off x="3857554" y="4078305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0" descr="Figure">
            <a:extLst>
              <a:ext uri="{FF2B5EF4-FFF2-40B4-BE49-F238E27FC236}">
                <a16:creationId xmlns:a16="http://schemas.microsoft.com/office/drawing/2014/main" id="{BB8B4D29-02AC-9B43-90EF-A97D3448E9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8" t="29564" r="96262" b="65189"/>
          <a:stretch/>
        </p:blipFill>
        <p:spPr bwMode="auto">
          <a:xfrm>
            <a:off x="3856919" y="3625214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ADA86A98-59C1-2343-94D6-5A99103A1849}"/>
              </a:ext>
            </a:extLst>
          </p:cNvPr>
          <p:cNvGrpSpPr/>
          <p:nvPr/>
        </p:nvGrpSpPr>
        <p:grpSpPr>
          <a:xfrm>
            <a:off x="7011746" y="1945608"/>
            <a:ext cx="895746" cy="1246707"/>
            <a:chOff x="7147593" y="2070918"/>
            <a:chExt cx="895746" cy="1246707"/>
          </a:xfrm>
        </p:grpSpPr>
        <p:pic>
          <p:nvPicPr>
            <p:cNvPr id="42" name="Picture 41" descr="Figure">
              <a:extLst>
                <a:ext uri="{FF2B5EF4-FFF2-40B4-BE49-F238E27FC236}">
                  <a16:creationId xmlns:a16="http://schemas.microsoft.com/office/drawing/2014/main" id="{02726145-CA59-1049-AE1F-495F5338AE6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56602" r="32022" b="30511"/>
            <a:stretch/>
          </p:blipFill>
          <p:spPr bwMode="auto">
            <a:xfrm>
              <a:off x="7237763" y="2070918"/>
              <a:ext cx="792089" cy="4320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3" name="Picture 42" descr="Figure">
              <a:extLst>
                <a:ext uri="{FF2B5EF4-FFF2-40B4-BE49-F238E27FC236}">
                  <a16:creationId xmlns:a16="http://schemas.microsoft.com/office/drawing/2014/main" id="{4A85B3D7-269E-A641-8C2C-ADEE162CAC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75033" r="32022" b="4619"/>
            <a:stretch/>
          </p:blipFill>
          <p:spPr bwMode="auto">
            <a:xfrm rot="10800000">
              <a:off x="7147593" y="2453441"/>
              <a:ext cx="792089" cy="6821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43" descr="Figure">
              <a:extLst>
                <a:ext uri="{FF2B5EF4-FFF2-40B4-BE49-F238E27FC236}">
                  <a16:creationId xmlns:a16="http://schemas.microsoft.com/office/drawing/2014/main" id="{C6F06201-181E-5E40-8656-BCB34299EF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69489" r="32022" b="25082"/>
            <a:stretch/>
          </p:blipFill>
          <p:spPr bwMode="auto">
            <a:xfrm>
              <a:off x="7251250" y="3135611"/>
              <a:ext cx="792089" cy="1820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E53EE26-CE9B-974D-B16F-2F3F0F34115C}"/>
              </a:ext>
            </a:extLst>
          </p:cNvPr>
          <p:cNvGrpSpPr/>
          <p:nvPr/>
        </p:nvGrpSpPr>
        <p:grpSpPr>
          <a:xfrm>
            <a:off x="10500074" y="1916832"/>
            <a:ext cx="882259" cy="1282834"/>
            <a:chOff x="10635921" y="2042142"/>
            <a:chExt cx="882259" cy="1282834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45F2FC48-F870-644F-B2FD-69D6EBDD4CB9}"/>
                </a:ext>
              </a:extLst>
            </p:cNvPr>
            <p:cNvGrpSpPr/>
            <p:nvPr/>
          </p:nvGrpSpPr>
          <p:grpSpPr>
            <a:xfrm>
              <a:off x="10635921" y="2070918"/>
              <a:ext cx="882259" cy="1254058"/>
              <a:chOff x="7147593" y="2070918"/>
              <a:chExt cx="882259" cy="1254058"/>
            </a:xfrm>
          </p:grpSpPr>
          <p:pic>
            <p:nvPicPr>
              <p:cNvPr id="47" name="Picture 46" descr="Figure">
                <a:extLst>
                  <a:ext uri="{FF2B5EF4-FFF2-40B4-BE49-F238E27FC236}">
                    <a16:creationId xmlns:a16="http://schemas.microsoft.com/office/drawing/2014/main" id="{231B4EB6-37D2-3242-B76C-49283A4BB5B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396" t="56351" r="-591" b="30762"/>
              <a:stretch/>
            </p:blipFill>
            <p:spPr bwMode="auto">
              <a:xfrm>
                <a:off x="7237763" y="2070918"/>
                <a:ext cx="792089" cy="4320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8" name="Picture 47" descr="Figure">
                <a:extLst>
                  <a:ext uri="{FF2B5EF4-FFF2-40B4-BE49-F238E27FC236}">
                    <a16:creationId xmlns:a16="http://schemas.microsoft.com/office/drawing/2014/main" id="{0C8CCA2E-373B-004B-BF95-992F4A463DC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769" t="74859" r="-964" b="4793"/>
              <a:stretch/>
            </p:blipFill>
            <p:spPr bwMode="auto">
              <a:xfrm rot="10800000">
                <a:off x="7147593" y="2453441"/>
                <a:ext cx="792089" cy="6821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8" descr="Figure">
                <a:extLst>
                  <a:ext uri="{FF2B5EF4-FFF2-40B4-BE49-F238E27FC236}">
                    <a16:creationId xmlns:a16="http://schemas.microsoft.com/office/drawing/2014/main" id="{F74175A4-60B2-1046-B91F-8D864A6F84B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573" t="69693" r="-768" b="24878"/>
              <a:stretch/>
            </p:blipFill>
            <p:spPr bwMode="auto">
              <a:xfrm>
                <a:off x="7223897" y="3142962"/>
                <a:ext cx="792089" cy="18201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5B4D1CC0-7772-E948-8815-637A21E46523}"/>
                </a:ext>
              </a:extLst>
            </p:cNvPr>
            <p:cNvSpPr/>
            <p:nvPr/>
          </p:nvSpPr>
          <p:spPr bwMode="auto">
            <a:xfrm>
              <a:off x="10677933" y="2042142"/>
              <a:ext cx="83989" cy="234205"/>
            </a:xfrm>
            <a:custGeom>
              <a:avLst/>
              <a:gdLst>
                <a:gd name="connsiteX0" fmla="*/ 4721 w 83989"/>
                <a:gd name="connsiteY0" fmla="*/ 230670 h 234205"/>
                <a:gd name="connsiteX1" fmla="*/ 17909 w 83989"/>
                <a:gd name="connsiteY1" fmla="*/ 208689 h 234205"/>
                <a:gd name="connsiteX2" fmla="*/ 39890 w 83989"/>
                <a:gd name="connsiteY2" fmla="*/ 177916 h 234205"/>
                <a:gd name="connsiteX3" fmla="*/ 57475 w 83989"/>
                <a:gd name="connsiteY3" fmla="*/ 133954 h 234205"/>
                <a:gd name="connsiteX4" fmla="*/ 57475 w 83989"/>
                <a:gd name="connsiteY4" fmla="*/ 133954 h 234205"/>
                <a:gd name="connsiteX5" fmla="*/ 66267 w 83989"/>
                <a:gd name="connsiteY5" fmla="*/ 120766 h 234205"/>
                <a:gd name="connsiteX6" fmla="*/ 75059 w 83989"/>
                <a:gd name="connsiteY6" fmla="*/ 94389 h 234205"/>
                <a:gd name="connsiteX7" fmla="*/ 83852 w 83989"/>
                <a:gd name="connsiteY7" fmla="*/ 37239 h 234205"/>
                <a:gd name="connsiteX8" fmla="*/ 79455 w 83989"/>
                <a:gd name="connsiteY8" fmla="*/ 2070 h 234205"/>
                <a:gd name="connsiteX9" fmla="*/ 44286 w 83989"/>
                <a:gd name="connsiteY9" fmla="*/ 15258 h 234205"/>
                <a:gd name="connsiteX10" fmla="*/ 35494 w 83989"/>
                <a:gd name="connsiteY10" fmla="*/ 28446 h 234205"/>
                <a:gd name="connsiteX11" fmla="*/ 22305 w 83989"/>
                <a:gd name="connsiteY11" fmla="*/ 54823 h 234205"/>
                <a:gd name="connsiteX12" fmla="*/ 13513 w 83989"/>
                <a:gd name="connsiteY12" fmla="*/ 85596 h 234205"/>
                <a:gd name="connsiteX13" fmla="*/ 9117 w 83989"/>
                <a:gd name="connsiteY13" fmla="*/ 98785 h 234205"/>
                <a:gd name="connsiteX14" fmla="*/ 4721 w 83989"/>
                <a:gd name="connsiteY14" fmla="*/ 116370 h 234205"/>
                <a:gd name="connsiteX15" fmla="*/ 325 w 83989"/>
                <a:gd name="connsiteY15" fmla="*/ 129558 h 234205"/>
                <a:gd name="connsiteX16" fmla="*/ 4721 w 83989"/>
                <a:gd name="connsiteY16" fmla="*/ 230670 h 2342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989" h="234205">
                  <a:moveTo>
                    <a:pt x="4721" y="230670"/>
                  </a:moveTo>
                  <a:cubicBezTo>
                    <a:pt x="7652" y="243858"/>
                    <a:pt x="14373" y="216468"/>
                    <a:pt x="17909" y="208689"/>
                  </a:cubicBezTo>
                  <a:cubicBezTo>
                    <a:pt x="32563" y="176451"/>
                    <a:pt x="15712" y="185975"/>
                    <a:pt x="39890" y="177916"/>
                  </a:cubicBezTo>
                  <a:cubicBezTo>
                    <a:pt x="57226" y="160578"/>
                    <a:pt x="47677" y="173144"/>
                    <a:pt x="57475" y="133954"/>
                  </a:cubicBezTo>
                  <a:lnTo>
                    <a:pt x="57475" y="133954"/>
                  </a:lnTo>
                  <a:lnTo>
                    <a:pt x="66267" y="120766"/>
                  </a:lnTo>
                  <a:cubicBezTo>
                    <a:pt x="69198" y="111974"/>
                    <a:pt x="73748" y="103564"/>
                    <a:pt x="75059" y="94389"/>
                  </a:cubicBezTo>
                  <a:cubicBezTo>
                    <a:pt x="80716" y="54792"/>
                    <a:pt x="77751" y="73837"/>
                    <a:pt x="83852" y="37239"/>
                  </a:cubicBezTo>
                  <a:cubicBezTo>
                    <a:pt x="82386" y="25516"/>
                    <a:pt x="87144" y="11040"/>
                    <a:pt x="79455" y="2070"/>
                  </a:cubicBezTo>
                  <a:cubicBezTo>
                    <a:pt x="72542" y="-5995"/>
                    <a:pt x="49374" y="11866"/>
                    <a:pt x="44286" y="15258"/>
                  </a:cubicBezTo>
                  <a:cubicBezTo>
                    <a:pt x="41355" y="19654"/>
                    <a:pt x="37575" y="23590"/>
                    <a:pt x="35494" y="28446"/>
                  </a:cubicBezTo>
                  <a:cubicBezTo>
                    <a:pt x="23342" y="56802"/>
                    <a:pt x="40002" y="37128"/>
                    <a:pt x="22305" y="54823"/>
                  </a:cubicBezTo>
                  <a:cubicBezTo>
                    <a:pt x="11765" y="86446"/>
                    <a:pt x="24553" y="46955"/>
                    <a:pt x="13513" y="85596"/>
                  </a:cubicBezTo>
                  <a:cubicBezTo>
                    <a:pt x="12240" y="90052"/>
                    <a:pt x="10390" y="94329"/>
                    <a:pt x="9117" y="98785"/>
                  </a:cubicBezTo>
                  <a:cubicBezTo>
                    <a:pt x="7457" y="104595"/>
                    <a:pt x="6381" y="110560"/>
                    <a:pt x="4721" y="116370"/>
                  </a:cubicBezTo>
                  <a:cubicBezTo>
                    <a:pt x="3448" y="120826"/>
                    <a:pt x="510" y="124928"/>
                    <a:pt x="325" y="129558"/>
                  </a:cubicBezTo>
                  <a:cubicBezTo>
                    <a:pt x="-963" y="161771"/>
                    <a:pt x="1790" y="217482"/>
                    <a:pt x="4721" y="230670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17" name="Picture 16" descr="Figure 1">
            <a:extLst>
              <a:ext uri="{FF2B5EF4-FFF2-40B4-BE49-F238E27FC236}">
                <a16:creationId xmlns:a16="http://schemas.microsoft.com/office/drawing/2014/main" id="{6BEF2007-F7AA-0F43-BCD4-965E24D8D6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1320326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4F5AE9B-BEF7-0443-98D1-37AF1FE2B829}"/>
              </a:ext>
            </a:extLst>
          </p:cNvPr>
          <p:cNvSpPr txBox="1"/>
          <p:nvPr/>
        </p:nvSpPr>
        <p:spPr>
          <a:xfrm>
            <a:off x="3703511" y="5760821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2992E832-CE0A-FA42-8987-67FC4D5D54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D1A50CB-414F-D74D-B31A-2C31FB92B7CA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406640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124744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438167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70064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LSMC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A9D173E-25E0-F241-937E-7679C8A276B5}"/>
              </a:ext>
            </a:extLst>
          </p:cNvPr>
          <p:cNvGrpSpPr/>
          <p:nvPr/>
        </p:nvGrpSpPr>
        <p:grpSpPr>
          <a:xfrm>
            <a:off x="1053852" y="1397151"/>
            <a:ext cx="10292107" cy="3544017"/>
            <a:chOff x="553410" y="1253135"/>
            <a:chExt cx="8702161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FC282287-E416-8843-A4D1-9962B391FC9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77B4BFC3-A717-BB49-9096-E739EE62A1B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A97BD1C-ED78-CB41-BD52-FF524E207B2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E916046-A72F-AD47-9FB1-68AD37807C5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72016" cy="354200"/>
              </a:xfrm>
              <a:prstGeom prst="rect">
                <a:avLst/>
              </a:prstGeom>
              <a:blipFill>
                <a:blip r:embed="rId12"/>
                <a:stretch>
                  <a:fillRect l="-10870" t="-3448" r="-2174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4742506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2506" y="1427005"/>
                <a:ext cx="572208" cy="357085"/>
              </a:xfrm>
              <a:prstGeom prst="rect">
                <a:avLst/>
              </a:prstGeom>
              <a:blipFill>
                <a:blip r:embed="rId13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6977299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77299" y="1422135"/>
                <a:ext cx="572208" cy="357085"/>
              </a:xfrm>
              <a:prstGeom prst="rect">
                <a:avLst/>
              </a:prstGeom>
              <a:blipFill>
                <a:blip r:embed="rId14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9263065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63065" y="1428839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680B03B-7C26-774F-BB32-84CBD2FFA054}"/>
              </a:ext>
            </a:extLst>
          </p:cNvPr>
          <p:cNvSpPr txBox="1"/>
          <p:nvPr/>
        </p:nvSpPr>
        <p:spPr>
          <a:xfrm>
            <a:off x="4303522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9B06EFC-7E2E-5F43-893E-6877AAFE01FB}"/>
              </a:ext>
            </a:extLst>
          </p:cNvPr>
          <p:cNvSpPr txBox="1"/>
          <p:nvPr/>
        </p:nvSpPr>
        <p:spPr>
          <a:xfrm>
            <a:off x="4303522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43ED407-9F51-DC48-BE84-DFD4BF9CFB98}"/>
              </a:ext>
            </a:extLst>
          </p:cNvPr>
          <p:cNvSpPr txBox="1"/>
          <p:nvPr/>
        </p:nvSpPr>
        <p:spPr>
          <a:xfrm>
            <a:off x="4303522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5F54988B-E5F0-5148-AA4B-8FAC6464B607}"/>
              </a:ext>
            </a:extLst>
          </p:cNvPr>
          <p:cNvSpPr txBox="1"/>
          <p:nvPr/>
        </p:nvSpPr>
        <p:spPr>
          <a:xfrm>
            <a:off x="4303521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0FD2D5B-C7B5-6F4E-A1E6-A43517F00DDE}"/>
              </a:ext>
            </a:extLst>
          </p:cNvPr>
          <p:cNvSpPr txBox="1"/>
          <p:nvPr/>
        </p:nvSpPr>
        <p:spPr>
          <a:xfrm>
            <a:off x="4299273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0ADEDAEF-6248-6B41-8B2F-7F92028D2C5D}"/>
              </a:ext>
            </a:extLst>
          </p:cNvPr>
          <p:cNvSpPr txBox="1"/>
          <p:nvPr/>
        </p:nvSpPr>
        <p:spPr>
          <a:xfrm>
            <a:off x="4299273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BD8CC98-9724-A444-BE5D-D761A3572F9F}"/>
              </a:ext>
            </a:extLst>
          </p:cNvPr>
          <p:cNvSpPr txBox="1"/>
          <p:nvPr/>
        </p:nvSpPr>
        <p:spPr>
          <a:xfrm>
            <a:off x="6548703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E46A5E6-8F55-C84D-AD84-EDC462859284}"/>
              </a:ext>
            </a:extLst>
          </p:cNvPr>
          <p:cNvSpPr txBox="1"/>
          <p:nvPr/>
        </p:nvSpPr>
        <p:spPr>
          <a:xfrm>
            <a:off x="6548703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E3378DB-3B84-6847-88EB-02D5D3DCEC3C}"/>
              </a:ext>
            </a:extLst>
          </p:cNvPr>
          <p:cNvSpPr txBox="1"/>
          <p:nvPr/>
        </p:nvSpPr>
        <p:spPr>
          <a:xfrm>
            <a:off x="6548703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61CE81F-F73E-D143-ACEC-C556F2EFA367}"/>
              </a:ext>
            </a:extLst>
          </p:cNvPr>
          <p:cNvSpPr txBox="1"/>
          <p:nvPr/>
        </p:nvSpPr>
        <p:spPr>
          <a:xfrm>
            <a:off x="6548702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E9425B60-08A1-D14E-B039-C6560829C5C4}"/>
              </a:ext>
            </a:extLst>
          </p:cNvPr>
          <p:cNvSpPr txBox="1"/>
          <p:nvPr/>
        </p:nvSpPr>
        <p:spPr>
          <a:xfrm>
            <a:off x="6544454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5058FDC-6F4C-8B45-9254-BA339F9F531B}"/>
              </a:ext>
            </a:extLst>
          </p:cNvPr>
          <p:cNvSpPr txBox="1"/>
          <p:nvPr/>
        </p:nvSpPr>
        <p:spPr>
          <a:xfrm>
            <a:off x="6544454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2F4E5182-75A2-4246-99B6-3613574C9F16}"/>
              </a:ext>
            </a:extLst>
          </p:cNvPr>
          <p:cNvSpPr txBox="1"/>
          <p:nvPr/>
        </p:nvSpPr>
        <p:spPr>
          <a:xfrm>
            <a:off x="8813738" y="3537480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3B8F172-69E3-7E4D-ABB4-7B5ED57FDFC7}"/>
              </a:ext>
            </a:extLst>
          </p:cNvPr>
          <p:cNvSpPr txBox="1"/>
          <p:nvPr/>
        </p:nvSpPr>
        <p:spPr>
          <a:xfrm>
            <a:off x="8813738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8C37026-3548-7745-9689-FD48918CEDE8}"/>
              </a:ext>
            </a:extLst>
          </p:cNvPr>
          <p:cNvSpPr txBox="1"/>
          <p:nvPr/>
        </p:nvSpPr>
        <p:spPr>
          <a:xfrm>
            <a:off x="8813738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D069DDD-E3AC-F045-A3CD-E4E77F2B618A}"/>
              </a:ext>
            </a:extLst>
          </p:cNvPr>
          <p:cNvSpPr txBox="1"/>
          <p:nvPr/>
        </p:nvSpPr>
        <p:spPr>
          <a:xfrm>
            <a:off x="8813737" y="280004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E05A9529-31FE-084E-A67D-0532633C6EEC}"/>
              </a:ext>
            </a:extLst>
          </p:cNvPr>
          <p:cNvSpPr txBox="1"/>
          <p:nvPr/>
        </p:nvSpPr>
        <p:spPr>
          <a:xfrm>
            <a:off x="8809489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1F036DA5-B470-2247-9024-7A6C65A8F4D0}"/>
              </a:ext>
            </a:extLst>
          </p:cNvPr>
          <p:cNvSpPr txBox="1"/>
          <p:nvPr/>
        </p:nvSpPr>
        <p:spPr>
          <a:xfrm>
            <a:off x="8809489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blipFill>
                <a:blip r:embed="rId16"/>
                <a:stretch>
                  <a:fillRect l="-906" t="-2174" r="-906" b="-195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E40D124-E02B-C84D-B054-90B6F5606A45}"/>
              </a:ext>
            </a:extLst>
          </p:cNvPr>
          <p:cNvSpPr txBox="1"/>
          <p:nvPr/>
        </p:nvSpPr>
        <p:spPr>
          <a:xfrm rot="16200000">
            <a:off x="3849521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34EF1312-8EE1-6A40-AA73-A22E25667EC2}"/>
              </a:ext>
            </a:extLst>
          </p:cNvPr>
          <p:cNvSpPr txBox="1"/>
          <p:nvPr/>
        </p:nvSpPr>
        <p:spPr>
          <a:xfrm rot="16200000">
            <a:off x="3745326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D27FFB1-9209-4B42-8D5B-7C51732D6714}"/>
              </a:ext>
            </a:extLst>
          </p:cNvPr>
          <p:cNvSpPr txBox="1"/>
          <p:nvPr/>
        </p:nvSpPr>
        <p:spPr>
          <a:xfrm rot="16200000">
            <a:off x="6076934" y="2404288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C5227C7-9AB7-6441-9723-A087BF18C88F}"/>
              </a:ext>
            </a:extLst>
          </p:cNvPr>
          <p:cNvSpPr txBox="1"/>
          <p:nvPr/>
        </p:nvSpPr>
        <p:spPr>
          <a:xfrm rot="16200000">
            <a:off x="5972739" y="3253742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EB42E333-3656-1940-9ABF-C3B3625EF201}"/>
              </a:ext>
            </a:extLst>
          </p:cNvPr>
          <p:cNvSpPr txBox="1"/>
          <p:nvPr/>
        </p:nvSpPr>
        <p:spPr>
          <a:xfrm rot="16200000">
            <a:off x="8336343" y="2404286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A19B799-4410-4C42-A4D8-29759F665CAC}"/>
              </a:ext>
            </a:extLst>
          </p:cNvPr>
          <p:cNvSpPr txBox="1"/>
          <p:nvPr/>
        </p:nvSpPr>
        <p:spPr>
          <a:xfrm rot="16200000">
            <a:off x="8232148" y="3253740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58" name="Right Brace 57">
            <a:extLst>
              <a:ext uri="{FF2B5EF4-FFF2-40B4-BE49-F238E27FC236}">
                <a16:creationId xmlns:a16="http://schemas.microsoft.com/office/drawing/2014/main" id="{4CA981F1-D60D-1048-9D97-57751A1D45F7}"/>
              </a:ext>
            </a:extLst>
          </p:cNvPr>
          <p:cNvSpPr/>
          <p:nvPr/>
        </p:nvSpPr>
        <p:spPr bwMode="auto">
          <a:xfrm rot="5400000">
            <a:off x="7093663" y="1644024"/>
            <a:ext cx="458159" cy="6336211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/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X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blipFill>
                <a:blip r:embed="rId17"/>
                <a:stretch>
                  <a:fillRect l="-631" t="-2128" r="-631" b="-1914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5EF29241-4E1E-A14E-B76B-F917456ABAB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79</Words>
  <Application>Microsoft Macintosh PowerPoint</Application>
  <PresentationFormat>Custom</PresentationFormat>
  <Paragraphs>226</Paragraphs>
  <Slides>23</Slides>
  <Notes>22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3" baseType="lpstr">
      <vt:lpstr>AU Passata Light</vt:lpstr>
      <vt:lpstr>Trebuchet MS</vt:lpstr>
      <vt:lpstr>Georgia</vt:lpstr>
      <vt:lpstr>AU Peto</vt:lpstr>
      <vt:lpstr>Wingdings 3</vt:lpstr>
      <vt:lpstr>Cambria Math</vt:lpstr>
      <vt:lpstr>Calibri</vt:lpstr>
      <vt:lpstr>Arial</vt:lpstr>
      <vt:lpstr>AU Passata</vt:lpstr>
      <vt:lpstr>AU 16:9</vt:lpstr>
      <vt:lpstr>ILSMC: a phylogenetically aware SMC to infer the evolutionary history of species</vt:lpstr>
      <vt:lpstr>Overview</vt:lpstr>
      <vt:lpstr>Incomplete lineage sorting (ILS)</vt:lpstr>
      <vt:lpstr>HMMs</vt:lpstr>
      <vt:lpstr>HMMs</vt:lpstr>
      <vt:lpstr>ILSMC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Simulating from the model</vt:lpstr>
      <vt:lpstr>Simulating from the model</vt:lpstr>
      <vt:lpstr>Simulating from the model</vt:lpstr>
      <vt:lpstr>Discussion</vt:lpstr>
      <vt:lpstr>Discussion</vt:lpstr>
      <vt:lpstr>Discussion</vt:lpstr>
      <vt:lpstr>Acknowledgem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3-26T18:49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